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bournemouth.ac.uk\data\student\home\FMC\i7678097\Desktop\"/>
    </mc:Choice>
  </mc:AlternateContent>
  <bookViews>
    <workbookView xWindow="0" yWindow="0" windowWidth="28800" windowHeight="12435" activeTab="4"/>
  </bookViews>
  <sheets>
    <sheet name="makkah" sheetId="1" r:id="rId1"/>
    <sheet name="AJE" sheetId="2" r:id="rId2"/>
    <sheet name="gulfnews UAE" sheetId="3" r:id="rId3"/>
    <sheet name="shabiba OM" sheetId="4" r:id="rId4"/>
    <sheet name="alwasat bh" sheetId="5" r:id="rId5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82" uniqueCount="772">
  <si>
    <t xml:space="preserve">Title </t>
  </si>
  <si>
    <t>date</t>
  </si>
  <si>
    <t xml:space="preserve">link </t>
  </si>
  <si>
    <t>http://makkahnewspaper.com/article/178270/%D8%A7%D9%86%D9%81%D9%88%D8%AC%D8%B1%D8%A7%D9%81%D9%8A%D9%83/3-%D9%85%D8%B5%D8%A7%D8%AF%D8%B1-%D9%84%D8%B7%D8%A7%D9%82%D8%A9-%D8%A7%D9%84%D9%8A%D8%A7%D8%A8%D8%A7%D9%86</t>
  </si>
  <si>
    <t xml:space="preserve">3 مصادر لطاقة اليابان
</t>
  </si>
  <si>
    <t>13 سببا تدفعك لأن تصبح مدونا</t>
  </si>
  <si>
    <t>http://makkahnewspaper.com/article/178286/%D8%A7%D9%86%D9%81%D9%88%D8%AC%D8%B1%D8%A7%D9%81%D9%8A%D9%83/13-%D8%B3%D8%A8%D8%A8%D8%A7-%D8%AA%D8%AF%D9%81%D8%B9%D9%83-%D9%84%D8%A3%D9%86-%D8%AA%D8%B5%D8%A8%D8%AD-%D9%85%D8%AF%D9%88%D9%86%D8%A7</t>
  </si>
  <si>
    <t>تعديلات بسيطة بقائمة التسوق توفر المال</t>
  </si>
  <si>
    <t>http://makkahnewspaper.com/article/178257/%D8%A7%D9%86%D9%81%D9%88%D8%AC%D8%B1%D8%A7%D9%81%D9%8A%D9%83/%D8%AA%D8%B9%D8%AF%D9%8A%D9%84%D8%A7%D8%AA-%D8%A8%D8%B3%D9%8A%D8%B7%D8%A9-%D8%A8%D9%82%D8%A7%D8%A6%D9%85%D8%A9-%D8%A7%D9%84%D8%AA%D8%B3%D9%88%D9%82-%D8%AA%D9%88%D9%81%D8%B1-%D8%A7%D9%84%D9%85%D8%A7%D9%84</t>
  </si>
  <si>
    <t xml:space="preserve">السعودية الرابعة في قائمة الدول المصدرة لليابان
</t>
  </si>
  <si>
    <t>http://makkahnewspaper.com/article/181967/%D8%A7%D9%86%D9%81%D9%88%D8%AC%D8%B1%D8%A7%D9%81%D9%8A%D9%83/%D8%A7%D9%86%D9%81%D9%88%D8%AC%D8%B1%D8%A7%D9%81%D9%8A%D9%83</t>
  </si>
  <si>
    <t xml:space="preserve">6 طرق تساعدك لمعاودة الكتابة
</t>
  </si>
  <si>
    <t>http://makkahnewspaper.com/article/181924/%D8%A7%D9%86%D9%81%D9%88%D8%AC%D8%B1%D8%A7%D9%81%D9%8A%D9%83/6-%D8%B7%D8%B1%D9%82-%D8%AA%D8%B3%D8%A7%D8%B9%D8%AF%D9%83-%D9%84%D9%85%D8%B9%D8%A7%D9%88%D8%AF%D8%A9-%D8%A7%D9%84%D9%83%D8%AA%D8%A7%D8%A8%D8%A9</t>
  </si>
  <si>
    <t xml:space="preserve">9 خطوات لطبخ أسرع
</t>
  </si>
  <si>
    <t>http://makkahnewspaper.com/article/181914/%D8%A7%D9%86%D9%81%D9%88%D8%AC%D8%B1%D8%A7%D9%81%D9%8A%D9%83/9-%D8%AE%D8%B7%D9%88%D8%A7%D8%AA-%D9%84%D8%B7%D8%A8%D8%AE-%D8%A3%D8%B3%D8%B1%D8%B9</t>
  </si>
  <si>
    <t xml:space="preserve">الشراكة الاقتصادية تدعم العلاقة بين السعودية واليابان
</t>
  </si>
  <si>
    <t>http://makkahnewspaper.com/article/186374/%D8%A7%D9%86%D9%81%D9%88%D8%AC%D8%B1%D8%A7%D9%81%D9%8A%D9%83/%D8%A7%D9%84%D8%B4%D8%B1%D8%A7%D9%83%D8%A9-%D8%A7%D9%84%D8%A7%D9%82%D8%AA%D8%B5%D8%A7%D8%AF%D9%8A%D8%A9-%D8%AA%D8%AF%D8%B9%D9%85-%D8%A7%D9%84%D8%B9%D9%84%D8%A7%D9%82%D8%A9-%D8%A8%D9%8A%D9%86-%D8%A7%D9%84%D8%B3%D8%B9%D9%88%D8%AF%D9%8A%D8%A9-%D9%88%D8%A7%D9%84%D9%8A%D8%A7%D8%A8%D8%A7%D9%86</t>
  </si>
  <si>
    <t xml:space="preserve">121 مليار دولار دخل دول أوبك في 5 أشهر
</t>
  </si>
  <si>
    <t>http://makkahnewspaper.com/article/186458/%D8%A7%D9%86%D9%81%D9%88%D8%AC%D8%B1%D8%A7%D9%81%D9%8A%D9%83/121-%D9%85%D9%84%D9%8A%D8%A7%D8%B1-%D8%AF%D9%88%D9%84%D8%A7%D8%B1-%D8%AF%D8%AE%D9%84-%D8%AF%D9%88%D9%84-%D8%A3%D9%88%D8%A8%D9%83-%D9%81%D9%8A-5-%D8%A3%D8%B4%D9%87%D8%B1</t>
  </si>
  <si>
    <t xml:space="preserve">مليار مكالمة و4 آلاف تيرا بيانات بموسم الحج الماضي
</t>
  </si>
  <si>
    <t>http://makkahnewspaper.com/article/186539/%D8%A7%D9%86%D9%81%D9%88%D8%AC%D8%B1%D8%A7%D9%81%D9%8A%D9%83/%D9%85%D9%84%D9%8A%D8%A7%D8%B1-%D9%85%D9%83%D8%A7%D9%84%D9%85%D8%A9-%D9%884-%D8%A2%D9%84%D8%A7%D9%81-%D8%AA%D9%8A%D8%B1%D8%A7-%D8%A8%D9%8A%D8%A7%D9%86%D8%A7%D8%AA-%D8%A8%D9%85%D9%88%D8%B3%D9%85-%D8%A7%D9%84%D8%AD%D8%AC-%D8%A7%D9%84%D9%85%D8%A7%D8%B6%D9%8A</t>
  </si>
  <si>
    <t xml:space="preserve">10 فوائد لقراءة الكتب
</t>
  </si>
  <si>
    <t>http://makkahnewspaper.com/article/186574/%D8%A7%D9%86%D9%81%D9%88%D8%AC%D8%B1%D8%A7%D9%81%D9%8A%D9%83/10-%D9%81%D9%88%D8%A7%D8%A6%D8%AF-%D9%84%D9%82%D8%B1%D8%A7%D8%A1%D8%A9-%D8%A7%D9%84%D9%83%D8%AA%D8%A8</t>
  </si>
  <si>
    <t xml:space="preserve">سرطان الثدي في المملكة
</t>
  </si>
  <si>
    <t>http://makkahnewspaper.com/article/186594/%D8%A7%D9%86%D9%81%D9%88%D8%AC%D8%B1%D8%A7%D9%81%D9%8A%D9%83/%D8%B3%D8%B1%D8%B7%D8%A7%D9%86-%D8%A7%D9%84%D8%AB%D8%AF%D9%8A-%D9%81%D9%8A-%D8%A7%D9%84%D9%85%D9%85%D9%84%D9%83%D8%A9</t>
  </si>
  <si>
    <t>هانجتشو .. مدينة الفردوس</t>
  </si>
  <si>
    <t>http://makkahnewspaper.com/article/186820/%D8%A7%D9%86%D9%81%D9%88%D8%AC%D8%B1%D8%A7%D9%81%D9%8A%D9%83/%D9%87%D8%A7%D9%86%D8%AC%D8%AA%D8%B4%D9%88--%D9%85%D8%AF%D9%8A%D9%86%D8%A9-%D8%A7%D9%84%D9%81%D8%B1%D8%AF%D9%88%D8%B3</t>
  </si>
  <si>
    <t xml:space="preserve">6 أخطاء في محاربة الوزن الزائد
</t>
  </si>
  <si>
    <t>http://makkahnewspaper.com/article/190997/%D8%A7%D9%86%D9%81%D9%88%D8%AC%D8%B1%D8%A7%D9%81%D9%8A%D9%83/6-%D8%A3%D8%AE%D8%B7%D8%A7%D8%A1-%D9%81%D9%8A-%D9%85%D8%AD%D8%A7%D8%B1%D8%A8%D8%A9-%D8%A7%D9%84%D9%88%D8%B2%D9%86-%D8%A7%D9%84%D8%B2%D8%A7%D8%A6%D8%AF</t>
  </si>
  <si>
    <t xml:space="preserve">معلومات تهمك عن دول ال20
</t>
  </si>
  <si>
    <t>http://makkahnewspaper.com/article/190984/%D8%A7%D9%86%D9%81%D9%88%D8%AC%D8%B1%D8%A7%D9%81%D9%8A%D9%83/%D9%85%D8%B9%D9%84%D9%88%D9%85%D8%A7%D8%AA-%D8%AA%D9%87%D9%85%D9%83-%D8%B9%D9%86-%D8%AF%D9%88%D9%84-%D8%A7%D9%8420</t>
  </si>
  <si>
    <t xml:space="preserve">اليابان الأولى في قائمة الدول الأكثر اهتماما بالصحة
</t>
  </si>
  <si>
    <t>http://makkahnewspaper.com/article/195718/%D8%A7%D9%86%D9%81%D9%88%D8%AC%D8%B1%D8%A7%D9%81%D9%8A%D9%83/%D8%A7%D9%84%D9%8A%D8%A7%D8%A8%D8%A7%D9%86-%D8%A7%D9%84%D8%A3%D9%88%D9%84%D9%89-%D9%81%D9%8A-%D9%82%D8%A7%D8%A6%D9%85%D8%A9-%D8%A7%D9%84%D8%AF%D9%88%D9%84-%D8%A7%D9%84%D8%A3%D9%83%D8%AB%D8%B1-%D8%A7%D9%87%D8%AA%D9%85%D8%A7%D9%85%D8%A7-%D8%A8%D8%A7%D9%84%D8%B5%D8%AD%D8%A9</t>
  </si>
  <si>
    <t xml:space="preserve">8 طرق لاستخدام الخبز القديم
</t>
  </si>
  <si>
    <t>http://makkahnewspaper.com/article/195705/%D8%A7%D9%86%D9%81%D9%88%D8%AC%D8%B1%D8%A7%D9%81%D9%8A%D9%83/8-%D8%B7%D8%B1%D9%82-%D9%84%D8%A7%D8%B3%D8%AA%D8%AE%D8%AF%D8%A7%D9%85-%D8%A7%D9%84%D8%AE%D8%A8%D8%B2-%D8%A7%D9%84%D9%82%D8%AF%D9%8A%D9%85</t>
  </si>
  <si>
    <t xml:space="preserve">ما هي مراكز دول العشرين في 8 مؤشرات عالمية؟
</t>
  </si>
  <si>
    <t>http://makkahnewspaper.com/article/195692/%D8%A7%D9%86%D9%81%D9%88%D8%AC%D8%B1%D8%A7%D9%81%D9%8A%D9%83/%D9%85%D8%A7-%D9%87%D9%8A-%D9%85%D8%B1%D8%A7%D9%83%D8%B2-%D8%AF%D9%88%D9%84-%D8%A7%D9%84%D8%B9%D8%B4%D8%B1%D9%8A%D9%86-%D9%81%D9%8A-8-%D9%85%D8%A4%D8%B4%D8%B1%D8%A7%D8%AA-%D8%B9%D8%A7%D9%84%D9%85%D9%8A%D8%A9</t>
  </si>
  <si>
    <t xml:space="preserve">8 أسباب تحتم منع تعرض الأطفال للأجهزة الالكترونية
</t>
  </si>
  <si>
    <t>http://makkahnewspaper.com/article/199840/%D8%A7%D9%86%D9%81%D9%88%D8%AC%D8%B1%D8%A7%D9%81%D9%8A%D9%83/8-%D8%A3%D8%B3%D8%A8%D8%A7%D8%A8-%D8%AA%D8%AD%D8%AA%D9%85-%D9%85%D9%86%D8%B9-%D8%AA%D8%B9%D8%B1%D8%B6-%D8%A7%D9%84%D8%A3%D8%B7%D9%81%D8%A7%D9%84-%D9%84%D9%84%D8%A3%D8%AC%D9%87%D8%B2%D8%A9-%D8%A7%D9%84%D8%A7%D9%84%D9%83%D8%AA%D8%B1%D9%88%D9%86%D9%8A%D8%A9</t>
  </si>
  <si>
    <t xml:space="preserve">40 اجتماعا لولي ولي العهد في 9 أيام نصفها مع قادة دول
</t>
  </si>
  <si>
    <t>http://makkahnewspaper.com/article/199802/%D8%A7%D9%86%D9%81%D9%88%D8%AC%D8%B1%D8%A7%D9%81%D9%8A%D9%83/40-%D8%A7%D8%AC%D8%AA%D9%85%D8%A7%D8%B9%D8%A7-%D9%84%D9%88%D9%84%D9%8A-%D9%88%D9%84%D9%8A-%D8%A7%D9%84%D8%B9%D9%87%D8%AF-%D9%81%D9%8A-9-%D8%A3%D9%8A%D8%A7%D9%85-%D9%86%D8%B5%D9%81%D9%87%D8%A7-%D9%85%D8%B9-%D9%82%D8%A7%D8%AF%D8%A9-%D8%AF%D9%88%D9%84</t>
  </si>
  <si>
    <t xml:space="preserve">دليل أساس للتمرن الفتري
</t>
  </si>
  <si>
    <t>http://makkahnewspaper.com/article/204116/%D8%A7%D9%86%D9%81%D9%88%D8%AC%D8%B1%D8%A7%D9%81%D9%8A%D9%83/%D8%AF%D9%84%D9%8A%D9%84-%D8%A3%D8%B3%D8%A7%D8%B3-%D9%84%D9%84%D8%AA%D9%85%D8%B1%D9%86-%D8%A7%D9%84%D9%81%D8%AA%D8%B1%D9%8A</t>
  </si>
  <si>
    <t xml:space="preserve">10 نصائح عملية لتسهيل المهام اليومية وزيادة الإنتاجية
</t>
  </si>
  <si>
    <t>http://makkahnewspaper.com/article/209820/%D8%A7%D9%86%D9%81%D9%88%D8%AC%D8%B1%D8%A7%D9%81%D9%8A%D9%83/10-%D9%86%D8%B5%D8%A7%D8%A6%D8%AD-%D8%B9%D9%85%D9%84%D9%8A%D8%A9-%D9%84%D8%AA%D8%B3%D9%87%D9%8A%D9%84-%D8%A7%D9%84%D9%85%D9%87%D8%A7%D9%85-%D8%A7%D9%84%D9%8A%D9%88%D9%85%D9%8A%D8%A9-%D9%88%D8%B2%D9%8A%D8%A7%D8%AF%D8%A9-%D8%A7%D9%84%D8%A5%D9%86%D8%AA%D8%A7%D8%AC%D9%8A%D8%A9</t>
  </si>
  <si>
    <t xml:space="preserve">الـ20 تجتاز ثلث الطريق نحو أهدافها
</t>
  </si>
  <si>
    <t>http://makkahnewspaper.com/article/209816/%D8%A7%D9%86%D9%81%D9%88%D8%AC%D8%B1%D8%A7%D9%81%D9%8A%D9%83/%D8%A7%D9%8420-%D8%AA%D8%AC%D8%AA%D8%A7%D8%B2-%D8%AB%D9%84%D8%AB-%D8%A7%D9%84%D8%B7%D8%B1%D9%8A%D9%82-%D9%86%D8%AD%D9%88-%D8%A3%D9%87%D8%AF%D8%A7%D9%81%D9%87%D8%A7</t>
  </si>
  <si>
    <t xml:space="preserve">أطعمة غنية بفيتامين بي 12
</t>
  </si>
  <si>
    <t>http://makkahnewspaper.com/article/213308/%D8%A7%D9%86%D9%81%D9%88%D8%AC%D8%B1%D8%A7%D9%81%D9%8A%D9%83/%D8%A7%D9%86%D9%81%D9%88%D8%AC%D8%B1%D8%A7%D9%81%D9%8A%D9%83</t>
  </si>
  <si>
    <t>اليوم السابع خطوة الحجاج الأولى إلى رحلة ال21 كلم</t>
  </si>
  <si>
    <t>http://makkahnewspaper.com/article/213865/%D8%A7%D9%86%D9%81%D9%88%D8%AC%D8%B1%D8%A7%D9%81%D9%8A%D9%83/%D8%A7%D9%84%D9%8A%D9%88%D9%85-%D8%A7%D9%84%D8%B3%D8%A7%D8%A8%D8%B9-%D8%AE%D8%B7%D9%88%D8%A9-%D8%A7%D9%84%D8%AD%D8%AC%D8%A7%D8%AC-%D8%A7%D9%84%D8%A3%D9%88%D9%84%D9%89-%D8%A5%D9%84%D9%89-%D8%B1%D8%AD%D9%84%D8%A9-%D8%A7%D9%8421-%D9%83%D9%84%D9%85</t>
  </si>
  <si>
    <t xml:space="preserve">النفط يستحوذ على 97% من صادرات المملكة لليابان
</t>
  </si>
  <si>
    <t>http://makkahnewspaper.com/article/217747/%D8%A7%D9%86%D9%81%D9%88%D8%AC%D8%B1%D8%A7%D9%81%D9%8A%D9%83/%D8%A7%D9%84%D9%86%D9%81%D8%B7-%D9%8A%D8%B3%D8%AA%D8%AD%D9%88%D8%B0-%D8%B9%D9%84%D9%89-97-%D9%85%D9%86-%D8%B5%D8%A7%D8%AF%D8%B1%D8%A7%D8%AA-%D8%A7%D9%84%D9%85%D9%85%D9%84%D9%83%D8%A9-%D9%84%D9%84%D9%8A%D8%A7%D8%A8%D8%A7%D9%86</t>
  </si>
  <si>
    <t xml:space="preserve">10 فوائد صحية لتناول الهليون
</t>
  </si>
  <si>
    <t>http://makkahnewspaper.com/article/217736/%D8%A7%D9%86%D9%81%D9%88%D8%AC%D8%B1%D8%A7%D9%81%D9%8A%D9%83/10-%D9%81%D9%88%D8%A7%D8%A6%D8%AF-%D8%B5%D8%AD%D9%8A%D8%A9-%D9%84%D8%AA%D9%86%D8%A7%D9%88%D9%84-%D8%A7%D9%84%D9%87%D9%84%D9%8A%D9%88%D9%86</t>
  </si>
  <si>
    <t xml:space="preserve">معرفة حدود المشاعر تجنب الحجاج الوقوع في المحظورات
</t>
  </si>
  <si>
    <t>http://makkahnewspaper.com/article/217767/%D8%A7%D9%86%D9%81%D9%88%D8%AC%D8%B1%D8%A7%D9%81%D9%8A%D9%83/%D9%85%D8%B9%D8%B1%D9%81%D8%A9-%D8%AD%D8%AF%D9%88%D8%AF-%D8%A7%D9%84%D9%85%D8%B4%D8%A7%D8%B9%D8%B1-%D8%AA%D8%AC%D9%86%D8%A8-%D8%A7%D9%84%D8%AD%D8%AC%D8%A7%D8%AC-%D8%A7%D9%84%D9%88%D9%82%D9%88%D8%B9-%D9%81%D9%8A-%D8%A7%D9%84%D9%85%D8%AD%D8%B8%D9%88%D8%B1%D8%A7%D8%AA</t>
  </si>
  <si>
    <t xml:space="preserve">الدهون الصحية تطيل عمر الإنسان
</t>
  </si>
  <si>
    <t>http://makkahnewspaper.com/article/223362/%D8%A7%D9%86%D9%81%D9%88%D8%AC%D8%B1%D8%A7%D9%81%D9%8A%D9%83/%D8%A7%D9%84%D8%AF%D9%87%D9%88%D9%86-%D8%A7%D9%84%D8%B5%D8%AD%D9%8A%D8%A9-%D8%AA%D8%B7%D9%8A%D9%84-%D8%B9%D9%85%D8%B1-%D8%A7%D9%84%D8%A5%D9%86%D8%B3%D8%A7%D9%86</t>
  </si>
  <si>
    <t xml:space="preserve">11خطوة لجسم سليم دون ناد رياضي
</t>
  </si>
  <si>
    <t>http://makkahnewspaper.com/article/229411/%D8%A7%D9%86%D9%81%D9%88%D8%AC%D8%B1%D8%A7%D9%81%D9%8A%D9%83/11%D8%AE%D8%B7%D9%88%D8%A9-%D9%84%D8%AC%D8%B3%D9%85-%D8%B3%D9%84%D9%8A%D9%85-%D8%AF%D9%88%D9%86-%D9%86%D8%A7%D8%AF-%D8%B1%D9%8A%D8%A7%D8%B6%D9%8A</t>
  </si>
  <si>
    <t xml:space="preserve">10 فوائد للقهوة
</t>
  </si>
  <si>
    <t>http://makkahnewspaper.com/article/234277/%D8%A7%D9%86%D9%81%D9%88%D8%AC%D8%B1%D8%A7%D9%81%D9%8A%D9%83/10-%D9%81%D9%88%D8%A7%D8%A6%D8%AF-%D9%84%D9%84%D9%82%D9%87%D9%88%D8%A9</t>
  </si>
  <si>
    <t xml:space="preserve">16 نصيحة للمساعدة على الإقلاع عن التدخين
</t>
  </si>
  <si>
    <t>http://makkahnewspaper.com/article/238454/%D8%A7%D9%86%D9%81%D9%88%D8%AC%D8%B1%D8%A7%D9%81%D9%8A%D9%83/16-%D9%86%D8%B5%D9%8A%D8%AD%D8%A9-%D9%84%D9%84%D9%85%D8%B3%D8%A7%D8%B9%D8%AF%D8%A9-%D8%B9%D9%84%D9%89-%D8%A7%D9%84%D8%A5%D9%82%D9%84%D8%A7%D8%B9-%D8%B9%D9%86-%D8%A7%D9%84%D8%AA%D8%AF%D8%AE%D9%8A%D9%86</t>
  </si>
  <si>
    <t xml:space="preserve">7 إنجازات نسبت لغير أصحابها
</t>
  </si>
  <si>
    <t>http://makkahnewspaper.com/article/244520/%D8%A7%D9%86%D9%81%D9%88%D8%AC%D8%B1%D8%A7%D9%81%D9%8A%D9%83/7-%D8%A5%D9%86%D8%AC%D8%A7%D8%B2%D8%A7%D8%AA-%D9%86%D8%B3%D8%A8%D8%AA-%D9%84%D8%BA%D9%8A%D8%B1-%D8%A3%D8%B5%D8%AD%D8%A7%D8%A8%D9%87%D8%A7</t>
  </si>
  <si>
    <t xml:space="preserve">15 قاعدة لتعزيز السلوك الحميد لدى الأطفال
</t>
  </si>
  <si>
    <t>http://makkahnewspaper.com/article/247772/%D8%A7%D9%86%D9%81%D9%88%D8%AC%D8%B1%D8%A7%D9%81%D9%8A%D9%83/15-%D9%82%D8%A7%D8%B9%D8%AF%D8%A9-%D9%84%D8%AA%D8%B9%D8%B2%D9%8A%D8%B2-%D8%A7%D9%84%D8%B3%D9%84%D9%88%D9%83-%D8%A7%D9%84%D8%AD%D9%85%D9%8A%D8%AF-%D9%84%D8%AF%D9%89-%D8%A7%D9%84%D8%A3%D8%B7%D9%81%D8%A7%D9%84</t>
  </si>
  <si>
    <t>6649 رخصة بناء مرفوضة خلال 3 أشهر بجدة</t>
  </si>
  <si>
    <t>http://makkahnewspaper.com/article/248609/%D8%A7%D9%86%D9%81%D9%88%D8%AC%D8%B1%D8%A7%D9%81%D9%8A%D9%83/6649-%D8%B1%D8%AE%D8%B5%D8%A9-%D8%A8%D9%86%D8%A7%D8%A1-%D9%85%D8%B1%D9%81%D9%88%D8%B6%D8%A9-%D8%AE%D9%84%D8%A7%D9%84-3-%D8%A3%D8%B4%D9%87%D8%B1-%D8%A8%D8%AC%D8%AF%D8%A9</t>
  </si>
  <si>
    <t xml:space="preserve">800 مليون مكالمة في الحج
</t>
  </si>
  <si>
    <t>http://makkahnewspaper.com/article/251827/%D8%A7%D9%86%D9%81%D9%88%D8%AC%D8%B1%D8%A7%D9%81%D9%8A%D9%83/800-%D9%85%D9%84%D9%8A%D9%88%D9%86-%D9%85%D9%83%D8%A7%D9%84%D9%85%D8%A9--%D9%81%D9%8A-%D8%A7%D9%84%D8%AD%D8%AC</t>
  </si>
  <si>
    <t xml:space="preserve">6 نصائح للذهاب مبكرا إلى المدرسة
</t>
  </si>
  <si>
    <t>http://makkahnewspaper.com/article/251817/%D8%A7%D9%86%D9%81%D9%88%D8%AC%D8%B1%D8%A7%D9%81%D9%8A%D9%83/6-%D9%86%D8%B5%D8%A7%D8%A6%D8%AD-%D9%84%D9%84%D8%B0%D9%87%D8%A7%D8%A8-%D9%85%D8%A8%D9%83%D8%B1%D8%A7-%D8%A5%D9%84%D9%89-%D8%A7%D9%84%D9%85%D8%AF%D8%B1%D8%B3%D8%A9</t>
  </si>
  <si>
    <t xml:space="preserve">جاستا خطر عظيم يهدد العلاقة مع السعودية
</t>
  </si>
  <si>
    <t>http://makkahnewspaper.com/article/251803/%D8%A7%D9%86%D9%81%D9%88%D8%AC%D8%B1%D8%A7%D9%81%D9%8A%D9%83/%D8%AC%D8%A7%D8%B3%D8%AA%D8%A7-%D8%AE%D8%B7%D8%B1-%D8%B9%D8%B8%D9%8A%D9%85-%D9%8A%D9%87%D8%AF%D8%AF-%D8%A7%D9%84%D8%B9%D9%84%D8%A7%D9%82%D8%A9-%D9%85%D8%B9-%D8%A7%D9%84%D8%B3%D8%B9%D9%88%D8%AF%D9%8A%D8%A9</t>
  </si>
  <si>
    <t xml:space="preserve">نصائح لسلامة الطلاب
</t>
  </si>
  <si>
    <t>http://makkahnewspaper.com/article/257224/%D8%A7%D9%86%D9%81%D9%88%D8%AC%D8%B1%D8%A7%D9%81%D9%8A%D9%83/%D9%86%D8%B5%D8%A7%D8%A6%D8%AD-%D9%84%D8%B3%D9%84%D8%A7%D9%85%D8%A9-%D8%A7%D9%84%D8%B7%D9%84%D8%A7%D8%A8</t>
  </si>
  <si>
    <t xml:space="preserve">7 نصائح لتسهيل إيقاظ الأطفال للذهاب للمدرسة
</t>
  </si>
  <si>
    <t>http://makkahnewspaper.com/article/261633/%D8%A7%D9%86%D9%81%D9%88%D8%AC%D8%B1%D8%A7%D9%81%D9%8A%D9%83/7-%D9%86%D8%B5%D8%A7%D8%A6%D8%AD-%D9%84%D8%AA%D8%B3%D9%87%D9%8A%D9%84-%D8%A5%D9%8A%D9%82%D8%A7%D8%B8-%D8%A7%D9%84%D8%A3%D8%B7%D9%81%D8%A7%D9%84-%D9%84%D9%84%D8%B0%D9%87%D8%A7%D8%A8-%D9%84%D9%84%D9%85%D8%AF%D8%B1%D8%B3%D8%A9</t>
  </si>
  <si>
    <t>18 نصيحة للاستعداد لموسم دراسي ناجح</t>
  </si>
  <si>
    <t>http://makkahnewspaper.com/article/266345/%D8%A7%D9%86%D9%81%D9%88%D8%AC%D8%B1%D8%A7%D9%81%D9%8A%D9%83/18-%D9%86%D8%B5%D9%8A%D8%AD%D8%A9-%D9%84%D9%84%D8%A7%D8%B3%D8%AA%D8%B9%D8%AF%D8%A7%D8%AF-%D9%84%D9%85%D9%88%D8%B3%D9%85-%D8%AF%D8%B1%D8%A7%D8%B3%D9%8A-%D9%86%D8%A7%D8%AC%D8%AD</t>
  </si>
  <si>
    <t xml:space="preserve">جامعة المؤسس الأولى عربيا بتصنيف QS لأفضل 50 جامعة عمرها أقل من 50 عاما
</t>
  </si>
  <si>
    <t>http://makkahnewspaper.com/article/269875/%D8%A7%D9%86%D9%81%D9%88%D8%AC%D8%B1%D8%A7%D9%81%D9%8A%D9%83/%D8%AC%D8%A7%D9%85%D8%B9%D8%A9-%D8%A7%D9%84%D9%85%D8%A4%D8%B3%D8%B3-%D8%A7%D9%84%D8%A3%D9%88%D9%84%D9%89-%D8%B9%D8%B1%D8%A8%D9%8A%D8%A7-%D8%A8%D8%AA%D8%B5%D9%86%D9%8A%D9%81-QS-%D9%84%D8%A3%D9%81%D8%B6%D9%84-50-%D8%AC%D8%A7%D9%85%D8%B9%D8%A9-%D8%B9%D9%85%D8%B1%D9%87%D8%A7-%D8%A3%D9%82%D9%84-%D9%85%D9%86-50-%D8%B9%D8%A7%D9%85%D8%A7</t>
  </si>
  <si>
    <t xml:space="preserve">7 خطوات للتخلص من العادات السيئة
</t>
  </si>
  <si>
    <t>http://makkahnewspaper.com/article/276706/%D8%A7%D9%86%D9%81%D9%88%D8%AC%D8%B1%D8%A7%D9%81%D9%8A%D9%83/7-%D8%AE%D8%B7%D9%88%D8%A7%D8%AA-%D9%84%D9%84%D8%AA%D8%AE%D9%84%D8%B5-%D9%85%D9%86-%D8%A7%D9%84%D8%B9%D8%A7%D8%AF%D8%A7%D8%AA-%D8%A7%D9%84%D8%B3%D9%8A%D8%A6%D8%A9</t>
  </si>
  <si>
    <t xml:space="preserve">7 أخطاء تقضي على خصوصيتك الالكترونية
</t>
  </si>
  <si>
    <t>http://makkahnewspaper.com/article/279353/%D8%A7%D9%86%D9%81%D9%88%D8%AC%D8%B1%D8%A7%D9%81%D9%8A%D9%83/7-%D8%A3%D8%AE%D8%B7%D8%A7%D8%A1-%D8%AA%D9%82%D8%B6%D9%8A-%D8%B9%D9%84%D9%89-%D8%AE%D8%B5%D9%88%D8%B5%D9%8A%D8%AA%D9%83-%D8%A7%D9%84%D8%A7%D9%84%D9%83%D8%AA%D8%B1%D9%88%D9%86%D9%8A%D8%A9</t>
  </si>
  <si>
    <t xml:space="preserve">خطوات للحفاظ على تفوقك الدراسي
</t>
  </si>
  <si>
    <t>http://makkahnewspaper.com/article/282343/%D8%A7%D9%86%D9%81%D9%88%D8%AC%D8%B1%D8%A7%D9%81%D9%8A%D9%83/%D8%AE%D8%B7%D9%88%D8%A7%D8%AA-%D9%84%D9%84%D8%AD%D9%81%D8%A7%D8%B8-%D8%B9%D9%84%D9%89-%D8%AA%D9%81%D9%88%D9%82%D9%83-%D8%A7%D9%84%D8%AF%D8%B1%D8%A7%D8%B3%D9%8A</t>
  </si>
  <si>
    <t xml:space="preserve">الرياض الثانية في معدل نمو الزوار بالشرق الأوسط
</t>
  </si>
  <si>
    <t>http://makkahnewspaper.com/article/287585/%D8%A7%D9%86%D9%81%D9%88%D8%AC%D8%B1%D8%A7%D9%81%D9%8A%D9%83/%D8%A7%D9%84%D8%B1%D9%8A%D8%A7%D8%B6-%D8%A7%D9%84%D8%AB%D8%A7%D9%86%D9%8A%D8%A9-%D9%81%D9%8A-%D9%85%D8%B9%D8%AF%D9%84-%D9%86%D9%85%D9%88-%D8%A7%D9%84%D8%B2%D9%88%D8%A7%D8%B1-%D8%A8%D8%A7%D9%84%D8%B4%D8%B1%D9%82-%D8%A7%D9%84%D8%A3%D9%88%D8%B3%D8%B7</t>
  </si>
  <si>
    <t>10 نصائح للعام الدراسي</t>
  </si>
  <si>
    <t>http://makkahnewspaper.com/article/287614/%D8%A7%D9%86%D9%81%D9%88%D8%AC%D8%B1%D8%A7%D9%81%D9%8A%D9%83/10-%D9%86%D8%B5%D8%A7%D8%A6%D8%AD-%D9%84%D9%84%D8%B9%D8%A7%D9%85-%D8%A7%D9%84%D8%AF%D8%B1%D8%A7%D8%B3%D9%8A</t>
  </si>
  <si>
    <t xml:space="preserve">خطوات لتحقيق تجربة دراسية ناجحة
</t>
  </si>
  <si>
    <t>http://makkahnewspaper.com/article/291561/%D8%A7%D9%86%D9%81%D9%88%D8%AC%D8%B1%D8%A7%D9%81%D9%8A%D9%83/%D8%AE%D8%B7%D9%88%D8%A7%D8%AA-%D9%84%D8%AA%D8%AD%D9%82%D9%8A%D9%82-%D8%AA%D8%AC%D8%B1%D8%A8%D8%A9-%D8%AF%D8%B1%D8%A7%D8%B3%D9%8A%D8%A9-%D9%86%D8%A7%D8%AC%D8%AD%D8%A9</t>
  </si>
  <si>
    <t xml:space="preserve">التضخم يواصل تراجعه في أغسطس
</t>
  </si>
  <si>
    <t>http://makkahnewspaper.com/article/291929/%D8%A7%D9%86%D9%81%D9%88%D8%AC%D8%B1%D8%A7%D9%81%D9%8A%D9%83/%D8%A7%D9%84%D8%AA%D8%B6%D8%AE%D9%85-%D9%8A%D9%88%D8%A7%D8%B5%D9%84-%D8%AA%D8%B1%D8%A7%D8%AC%D8%B9%D9%87-%D9%81%D9%8A-%D8%A3%D8%BA%D8%B3%D8%B7%D8%B3</t>
  </si>
  <si>
    <t xml:space="preserve">5 أمور لا تخبرها الطفل إذا كان يعاني عسر القراءة
</t>
  </si>
  <si>
    <t>http://makkahnewspaper.com/article/296318/%D8%A7%D9%86%D9%81%D9%88%D8%AC%D8%B1%D8%A7%D9%81%D9%8A%D9%83/5-%D8%A3%D9%85%D9%88%D8%B1-%D9%84%D8%A7-%D8%AA%D8%AE%D8%A8%D8%B1%D9%87%D8%A7-%D8%A7%D9%84%D8%B7%D9%81%D9%84-%D8%A5%D8%B0%D8%A7-%D9%83%D8%A7%D9%86-%D9%8A%D8%B9%D8%A7%D9%86%D9%8A-%D8%B9%D8%B3%D8%B1-%D8%A7%D9%84%D9%82%D8%B1%D8%A7%D8%A1%D8%A9</t>
  </si>
  <si>
    <t>5 مخاطر منزلية وسبل التغلب عليها</t>
  </si>
  <si>
    <t>http://makkahnewspaper.com/article/300493/%D8%A7%D9%86%D9%81%D9%88%D8%AC%D8%B1%D8%A7%D9%81%D9%8A%D9%83/5-%D9%85%D8%AE%D8%A7%D8%B7%D8%B1-%D9%85%D9%86%D8%B2%D9%84%D9%8A%D8%A9-%D9%88%D8%B3%D8%A8%D9%84-%D8%A7%D9%84%D8%AA%D8%BA%D9%84%D8%A8-%D8%B9%D9%84%D9%8A%D9%87%D8%A7</t>
  </si>
  <si>
    <t xml:space="preserve">20 بندا تحتاج الأسرة السعودية لمراجعتها لبناء نمط معيشة جديد
</t>
  </si>
  <si>
    <t>http://makkahnewspaper.com/article/305864/%D8%A7%D9%86%D9%81%D9%88%D8%AC%D8%B1%D8%A7%D9%81%D9%8A%D9%83/20-%D8%A8%D9%86%D8%AF%D8%A7-%D8%AA%D8%AD%D8%AA%D8%A7%D8%AC-%D8%A7%D9%84%D8%A3%D8%B3%D8%B1%D8%A9-%D8%A7%D9%84%D8%B3%D8%B9%D9%88%D8%AF%D9%8A%D8%A9-%D9%84%D9%85%D8%B1%D8%A7%D8%AC%D8%B9%D8%AA%D9%87%D8%A7-%D9%84%D8%A8%D9%86%D8%A7%D8%A1-%D9%86%D9%85%D8%B7-%D9%85%D8%B9%D9%8A%D8%B4%D8%A9-%D8%AC%D8%AF%D9%8A%D8%AF</t>
  </si>
  <si>
    <t xml:space="preserve">7 طرق للتعامل مع النمامين
</t>
  </si>
  <si>
    <t>http://makkahnewspaper.com/article/308446/%D8%A7%D9%86%D9%81%D9%88%D8%AC%D8%B1%D8%A7%D9%81%D9%8A%D9%83/7-%D8%B7%D8%B1%D9%82-%D9%84%D9%84%D8%AA%D8%B9%D8%A7%D9%85%D9%84-%D9%85%D8%B9-%D8%A7%D9%84%D9%86%D9%85%D8%A7%D9%85%D9%8A%D9%86</t>
  </si>
  <si>
    <t xml:space="preserve">33.6 مليون برميل إنتاج أوبك في سبتمبر
</t>
  </si>
  <si>
    <t>http://makkahnewspaper.com/article/311907/%D8%A7%D9%86%D9%81%D9%88%D8%AC%D8%B1%D8%A7%D9%81%D9%8A%D9%83/336-%D9%85%D9%84%D9%8A%D9%88%D9%86-%D8%A8%D8%B1%D9%85%D9%8A%D9%84-%D8%A5%D9%86%D8%AA%D8%A7%D8%AC-%D8%A3%D9%88%D8%A8%D9%83-%D9%81%D9%8A-%D8%B3%D8%A8%D8%AA%D9%85%D8%A8%D8%B1</t>
  </si>
  <si>
    <t xml:space="preserve">12 نصيحة لتشجيع الأطفال على حب القراءة
</t>
  </si>
  <si>
    <t>http://makkahnewspaper.com/article/311923/%D8%A7%D9%86%D9%81%D9%88%D8%AC%D8%B1%D8%A7%D9%81%D9%8A%D9%83/12-%D9%86%D8%B5%D9%8A%D8%AD%D8%A9-%D9%84%D8%AA%D8%B4%D8%AC%D9%8A%D8%B9-%D8%A7%D9%84%D8%A3%D8%B7%D9%81%D8%A7%D9%84-%D8%B9%D9%84%D9%89-%D8%AD%D8%A8-%D8%A7%D9%84%D9%82%D8%B1%D8%A7%D8%A1%D8%A9</t>
  </si>
  <si>
    <t xml:space="preserve">12 نصيحة لتحسين حياتك اليومية
</t>
  </si>
  <si>
    <t>http://makkahnewspaper.com/article/311891/%D8%A7%D9%86%D9%81%D9%88%D8%AC%D8%B1%D8%A7%D9%81%D9%8A%D9%83/12-%D9%86%D8%B5%D9%8A%D8%AD%D8%A9-%D9%84%D8%AA%D8%AD%D8%B3%D9%8A%D9%86-%D8%AD%D9%8A%D8%A7%D8%AA%D9%83-%D8%A7%D9%84%D9%8A%D9%88%D9%85%D9%8A%D8%A9</t>
  </si>
  <si>
    <t xml:space="preserve">10 خصائص تميز دودة الكتب عن الآخرين
</t>
  </si>
  <si>
    <t>http://makkahnewspaper.com/article/314449/%D8%A7%D9%86%D9%81%D9%88%D8%AC%D8%B1%D8%A7%D9%81%D9%8A%D9%83/10-%D8%AE%D8%B5%D8%A7%D8%A6%D8%B5-%D8%AA%D9%85%D9%8A%D8%B2-%D8%AF%D9%88%D8%AF%D8%A9-%D8%A7%D9%84%D9%83%D8%AA%D8%A8-%D8%B9%D9%86-%D8%A7%D9%84%D8%A2%D8%AE%D8%B1%D9%8A%D9%86</t>
  </si>
  <si>
    <t xml:space="preserve">10 دروس نحتاج لتعليمها لأبنائنا
</t>
  </si>
  <si>
    <t>http://makkahnewspaper.com/article/314450/%D8%A7%D9%86%D9%81%D9%88%D8%AC%D8%B1%D8%A7%D9%81%D9%8A%D9%83/10-%D8%AF%D8%B1%D9%88%D8%B3-%D9%86%D8%AD%D8%AA%D8%A7%D8%AC-%D9%84%D8%AA%D8%B9%D9%84%D9%8A%D9%85%D9%87%D8%A7-%D9%84%D8%A3%D8%A8%D9%86%D8%A7%D8%A6%D9%86%D8%A7</t>
  </si>
  <si>
    <t xml:space="preserve">مصطلحات نقدية أحيتها حوادث ثقافية
</t>
  </si>
  <si>
    <t>http://makkahnewspaper.com/article/314734/%D8%A7%D9%86%D9%81%D9%88%D8%AC%D8%B1%D8%A7%D9%81%D9%8A%D9%83/%D9%85%D8%B5%D8%B7%D9%84%D8%AD%D8%A7%D8%AA-%D9%86%D9%82%D8%AF%D9%8A%D8%A9--%D8%A3%D8%AD%D9%8A%D8%AA%D9%87%D8%A7-%D8%AD%D9%88%D8%A7%D8%AF%D8%AB-%D8%AB%D9%82%D8%A7%D9%81%D9%8A%D8%A9</t>
  </si>
  <si>
    <t xml:space="preserve">7نصائح للحصول على نوم هادئ
</t>
  </si>
  <si>
    <t>http://makkahnewspaper.com/article/319675/%D8%A7%D9%86%D9%81%D9%88%D8%AC%D8%B1%D8%A7%D9%81%D9%8A%D9%83/7%D9%86%D8%B5%D8%A7%D8%A6%D8%AD-%D9%84%D9%84%D8%AD%D8%B5%D9%88%D9%84-%D8%B9%D9%84%D9%89-%D9%86%D9%88%D9%85-%D9%87%D8%A7%D8%AF%D8%A6</t>
  </si>
  <si>
    <t>8 نصائح لإتقان فن الخطابة</t>
  </si>
  <si>
    <t>http://makkahnewspaper.com/article/319674/%D8%A7%D9%86%D9%81%D9%88%D8%AC%D8%B1%D8%A7%D9%81%D9%8A%D9%83/8-%D9%86%D8%B5%D8%A7%D8%A6%D8%AD-%D9%84%D8%A5%D8%AA%D9%82%D8%A7%D9%86-%D9%81%D9%86-%D8%A7%D9%84%D8%AE%D8%B7%D8%A7%D8%A8%D8%A9</t>
  </si>
  <si>
    <t xml:space="preserve">7 خطوات لقراءة وتعلم أسرع
</t>
  </si>
  <si>
    <t>http://makkahnewspaper.com/article/332169/%D8%A7%D9%86%D9%81%D9%88%D8%AC%D8%B1%D8%A7%D9%81%D9%8A%D9%83/7-%D8%AE%D8%B7%D9%88%D8%A7%D8%AA-%D9%84%D9%82%D8%B1%D8%A7%D8%A1%D8%A9-%D9%88%D8%AA%D8%B9%D9%84%D9%85-%D8%A3%D8%B3%D8%B1%D8%B9</t>
  </si>
  <si>
    <t xml:space="preserve">9 محفزات للاستمرار في رياضة الركض
</t>
  </si>
  <si>
    <t>http://makkahnewspaper.com/article/332200/%D8%A7%D9%86%D9%81%D9%88%D8%AC%D8%B1%D8%A7%D9%81%D9%8A%D9%83/9-%D9%85%D8%AD%D9%81%D8%B2%D8%A7%D8%AA-%D9%84%D9%84%D8%A7%D8%B3%D8%AA%D9%85%D8%B1%D8%A7%D8%B1-%D9%81%D9%8A-%D8%B1%D9%8A%D8%A7%D8%B6%D8%A9-%D8%A7%D9%84%D8%B1%D9%83%D8%B6</t>
  </si>
  <si>
    <t xml:space="preserve">3 نصائح لتسهيل مهمة شراء المنزل الأول
</t>
  </si>
  <si>
    <t>http://makkahnewspaper.com/article/353754/%D8%A7%D9%86%D9%81%D9%88%D8%AC%D8%B1%D8%A7%D9%81%D9%8A%D9%83/3-%D9%86%D8%B5%D8%A7%D8%A6%D8%AD-%D9%84%D8%AA%D8%B3%D9%87%D9%8A%D9%84-%D9%85%D9%87%D9%85%D8%A9-%D8%B4%D8%B1%D8%A7%D8%A1-%D8%A7%D9%84%D9%85%D9%86%D8%B2%D9%84-%D8%A7%D9%84%D8%A3%D9%88%D9%84</t>
  </si>
  <si>
    <t xml:space="preserve">7 نصائح للكتابة عن مكان لم يسبق زيارته
</t>
  </si>
  <si>
    <t>http://makkahnewspaper.com/article/341135/%D8%A7%D9%86%D9%81%D9%88%D8%AC%D8%B1%D8%A7%D9%81%D9%8A%D9%83/7-%D9%86%D8%B5%D8%A7%D8%A6%D8%AD-%D9%84%D9%84%D9%83%D8%AA%D8%A7%D8%A8%D8%A9-%D8%B9%D9%86-%D9%85%D9%83%D8%A7%D9%86-%D9%84%D9%85-%D9%8A%D8%B3%D8%A8%D9%82-%D8%B2%D9%8A%D8%A7%D8%B1%D8%AA%D9%87</t>
  </si>
  <si>
    <t xml:space="preserve">7 استخدامات للساعة الذكية
</t>
  </si>
  <si>
    <t>http://makkahnewspaper.com/article/345609/%D8%A7%D9%86%D9%81%D9%88%D8%AC%D8%B1%D8%A7%D9%81%D9%8A%D9%83/7-%D8%A7%D8%B3%D8%AA%D8%AE%D8%AF%D8%A7%D9%85%D8%A7%D8%AA-%D9%84%D9%84%D8%B3%D8%A7%D8%B9%D8%A9-%D8%A7%D9%84%D8%B0%D9%83%D9%8A%D8%A9</t>
  </si>
  <si>
    <t xml:space="preserve">جائزة الملك فيصل العالمية تحتل المرتبة الرابعة في تصنيف منظمة IREG
</t>
  </si>
  <si>
    <t>http://makkahnewspaper.com/article/350071/%D8%A7%D9%86%D9%81%D9%88%D8%AC%D8%B1%D8%A7%D9%81%D9%8A%D9%83/%D8%AC%D8%A7%D8%A6%D8%B2%D8%A9-%D8%A7%D9%84%D9%85%D9%84%D9%83-%D9%81%D9%8A%D8%B5%D9%84-%D8%A7%D9%84%D8%B9%D8%A7%D9%84%D9%85%D9%8A%D8%A9-%D8%AA%D8%AD%D8%AA%D9%84-%D8%A7%D9%84%D9%85%D8%B1%D8%AA%D8%A8%D8%A9-%D8%A7%D9%84%D8%B1%D8%A7%D8%A8%D8%B9%D8%A9-%D9%81%D9%8A-%D8%AA%D8%B5%D9%86%D9%8A%D9%81-%D9%85%D9%86%D8%B8%D9%85%D8%A9-IREG</t>
  </si>
  <si>
    <t xml:space="preserve">10 أسرار بسيطة للناجحين
</t>
  </si>
  <si>
    <t>http://makkahnewspaper.com/article/357514/%D8%A7%D9%86%D9%81%D9%88%D8%AC%D8%B1%D8%A7%D9%81%D9%8A%D9%83/10-%D8%A3%D8%B3%D8%B1%D8%A7%D8%B1-%D8%A8%D8%B3%D9%8A%D8%B7%D8%A9-%D9%84%D9%84%D9%86%D8%A7%D8%AC%D8%AD%D9%8A%D9%86</t>
  </si>
  <si>
    <t xml:space="preserve">10 أنواع من الإفراط في تناول الطعام
</t>
  </si>
  <si>
    <t>http://makkahnewspaper.com/article/363927/%D8%A7%D9%86%D9%81%D9%88%D8%AC%D8%B1%D8%A7%D9%81%D9%8A%D9%83/10-%D8%A3%D9%86%D9%88%D8%A7%D8%B9-%D9%85%D9%86-%D8%A7%D9%84%D8%A5%D9%81%D8%B1%D8%A7%D8%B7-%D9%81%D9%8A-%D8%AA%D9%86%D8%A7%D9%88%D9%84-%D8%A7%D9%84%D8%B7%D8%B9%D8%A7%D9%85</t>
  </si>
  <si>
    <t xml:space="preserve">12 نصيحة لاستخدام سيارة الأجرة للمسافرين بشكل آمن
</t>
  </si>
  <si>
    <t>http://makkahnewspaper.com/article/370254/%D8%A7%D9%86%D9%81%D9%88%D8%AC%D8%B1%D8%A7%D9%81%D9%8A%D9%83/12-%D9%86%D8%B5%D9%8A%D8%AD%D8%A9-%D9%84%D8%A7%D8%B3%D8%AA%D8%AE%D8%AF%D8%A7%D9%85-%D8%B3%D9%8A%D8%A7%D8%B1%D8%A9-%D8%A7%D9%84%D8%A3%D8%AC%D8%B1%D8%A9-%D9%84%D9%84%D9%85%D8%B3%D8%A7%D9%81%D8%B1%D9%8A%D9%86-%D8%A8%D8%B4%D9%83%D9%84-%D8%A2%D9%85%D9%86</t>
  </si>
  <si>
    <t xml:space="preserve">8 علامات في قراءة لغة الجسد
</t>
  </si>
  <si>
    <t>http://makkahnewspaper.com/article/375958/%D8%A7%D9%86%D9%81%D9%88%D8%AC%D8%B1%D8%A7%D9%81%D9%8A%D9%83/8-%D8%B9%D9%84%D8%A7%D9%85%D8%A7%D8%AA-%D9%81%D9%8A-%D9%82%D8%B1%D8%A7%D8%A1%D8%A9-%D9%84%D8%BA%D8%A9-%D8%A7%D9%84%D8%AC%D8%B3%D8%AF</t>
  </si>
  <si>
    <t xml:space="preserve">7 فوائد لتعلم لغة أجنبية
</t>
  </si>
  <si>
    <t>http://makkahnewspaper.com/article/375908/%D8%A7%D9%86%D9%81%D9%88%D8%AC%D8%B1%D8%A7%D9%81%D9%8A%D9%83/7-%D9%81%D9%88%D8%A7%D8%A6%D8%AF-%D9%84%D8%AA%D8%B9%D9%84%D9%85-%D9%84%D8%BA%D8%A9-%D8%A3%D8%AC%D9%86%D8%A8%D9%8A%D8%A9</t>
  </si>
  <si>
    <t xml:space="preserve">من هو بوب ديلان؟
</t>
  </si>
  <si>
    <t>http://makkahnewspaper.com/article/384064/%D8%A7%D9%86%D9%81%D9%88%D8%AC%D8%B1%D8%A7%D9%81%D9%8A%D9%83/%D9%85%D9%86-%D9%87%D9%88-%D8%A8%D9%88%D8%A8-%D8%AF%D9%8A%D9%84%D8%A7%D9%86</t>
  </si>
  <si>
    <t xml:space="preserve">10 نصائح لتحدث الإنجليزية بطلاقة
</t>
  </si>
  <si>
    <t>http://makkahnewspaper.com/article/387997/%D8%A7%D9%86%D9%81%D9%88%D8%AC%D8%B1%D8%A7%D9%81%D9%8A%D9%83/10-%D9%86%D8%B5%D8%A7%D8%A6%D8%AD-%D9%84%D8%AA%D8%AD%D8%AF%D8%AB-%D8%A7%D9%84%D8%A5%D9%86%D8%AC%D9%84%D9%8A%D8%B2%D9%8A%D8%A9-%D8%A8%D8%B7%D9%84%D8%A7%D9%82%D8%A9</t>
  </si>
  <si>
    <t xml:space="preserve">5 أسباب ليبدأ الكتاب بالتدوين
</t>
  </si>
  <si>
    <t>http://makkahnewspaper.com/article/393796/%D8%A7%D9%86%D9%81%D9%88%D8%AC%D8%B1%D8%A7%D9%81%D9%8A%D9%83/5-%D8%A3%D8%B3%D8%A8%D8%A7%D8%A8-%D9%84%D9%8A%D8%A8%D8%AF%D8%A3-%D8%A7%D9%84%D9%83%D8%AA%D8%A7%D8%A8-%D8%A8%D8%A7%D9%84%D8%AA%D8%AF%D9%88%D9%8A%D9%86</t>
  </si>
  <si>
    <t xml:space="preserve">كم استغرقت كتابة روايتك المفضلة؟
</t>
  </si>
  <si>
    <t>http://makkahnewspaper.com/article/400786/%D8%A7%D9%86%D9%81%D9%88%D8%AC%D8%B1%D8%A7%D9%81%D9%8A%D9%83/%D9%83%D9%85-%D8%A7%D8%B3%D8%AA%D8%BA%D8%B1%D9%82%D8%AA-%D9%83%D8%AA%D8%A7%D8%A8%D8%A9-%D8%B1%D9%88%D8%A7%D9%8A%D8%AA%D9%83-%D8%A7%D9%84%D9%85%D9%81%D8%B6%D9%84%D8%A9</t>
  </si>
  <si>
    <t xml:space="preserve">السعودية في مؤشر جامعة تيوان الوطنية
</t>
  </si>
  <si>
    <t>http://makkahnewspaper.com/article/400165/%D8%A7%D9%86%D9%81%D9%88%D8%AC%D8%B1%D8%A7%D9%81%D9%8A%D9%83/%D8%A7%D9%84%D8%B3%D8%B9%D9%88%D8%AF%D9%8A%D8%A9-%D9%81%D9%8A-%D9%85%D8%A4%D8%B4%D8%B1-%D8%AC%D8%A7%D9%85%D8%B9%D8%A9-%D8%AA%D9%8A%D9%88%D8%A7%D9%86-%D8%A7%D9%84%D9%88%D8%B7%D9%86%D9%8A%D8%A9</t>
  </si>
  <si>
    <t>74 % من وعود عيد منجزة</t>
  </si>
  <si>
    <t>http://makkahnewspaper.com/article/398455/%D8%A7%D9%86%D9%81%D9%88%D8%AC%D8%B1%D8%A7%D9%81%D9%8A%D9%83/74--%D9%85%D9%86-%D9%88%D8%B9%D9%88%D8%AF-%D8%B9%D9%8A%D8%AF-%D9%85%D9%86%D8%AC%D8%B2%D8%A9</t>
  </si>
  <si>
    <t xml:space="preserve">كيف تكتسب الأصدقاء؟
</t>
  </si>
  <si>
    <t>http://makkahnewspaper.com/article/406512/%D8%A7%D9%86%D9%81%D9%88%D8%AC%D8%B1%D8%A7%D9%81%D9%8A%D9%83/%D9%83%D9%8A%D9%81-%D8%AA%D9%83%D8%AA%D8%B3%D8%A8-%D8%A7%D9%84%D8%A3%D8%B5%D8%AF%D9%82%D8%A7%D8%A1</t>
  </si>
  <si>
    <t xml:space="preserve">9 حقائق تحتاج معرفتها عن صعوبات التعلم والانتباه
</t>
  </si>
  <si>
    <t>http://makkahnewspaper.com/article/412187/%D8%A7%D9%86%D9%81%D9%88%D8%AC%D8%B1%D8%A7%D9%81%D9%8A%D9%83/9-%D8%AD%D9%82%D8%A7%D8%A6%D9%82-%D8%AA%D8%AD%D8%AA%D8%A7%D8%AC-%D9%85%D8%B9%D8%B1%D9%81%D8%AA%D9%87%D8%A7-%D8%B9%D9%86-%D8%B5%D8%B9%D9%88%D8%A8%D8%A7%D8%AA-%D8%A7%D9%84%D8%AA%D8%B9%D9%84%D9%85-%D9%88%D8%A7%D9%84%D8%A7%D9%86%D8%AA%D8%A8%D8%A7%D9%87</t>
  </si>
  <si>
    <t xml:space="preserve">10 نصائح صحية للكسالى
</t>
  </si>
  <si>
    <t>http://makkahnewspaper.com/article/419497/%D8%A7%D9%86%D9%81%D9%88%D8%AC%D8%B1%D8%A7%D9%81%D9%8A%D9%83/10-%D9%86%D8%B5%D8%A7%D8%A6%D8%AD-%D8%B5%D8%AD%D9%8A%D8%A9-%D9%84%D9%84%D9%83%D8%B3%D8%A7%D9%84%D9%89</t>
  </si>
  <si>
    <t xml:space="preserve">18 سؤالا تساعدك على الاستعداد للتقاعد
</t>
  </si>
  <si>
    <t>http://makkahnewspaper.com/article/419362/%D8%A7%D9%86%D9%81%D9%88%D8%AC%D8%B1%D8%A7%D9%81%D9%8A%D9%83/18-%D8%B3%D8%A4%D8%A7%D9%84%D8%A7-%D8%AA%D8%B3%D8%A7%D8%B9%D8%AF%D9%83-%D8%B9%D9%84%D9%89-%D8%A7%D9%84%D8%A7%D8%B3%D8%AA%D8%B9%D8%AF%D8%A7%D8%AF-%D9%84%D9%84%D8%AA%D9%82%D8%A7%D8%B9%D8%AF</t>
  </si>
  <si>
    <t xml:space="preserve">10 طرق لوقت كتابة أكثر إنتاجية
</t>
  </si>
  <si>
    <t>http://makkahnewspaper.com/article/419417/%D8%A7%D9%86%D9%81%D9%88%D8%AC%D8%B1%D8%A7%D9%81%D9%8A%D9%83/10-%D8%B7%D8%B1%D9%82-%D9%84%D9%88%D9%82%D8%AA-%D9%83%D8%AA%D8%A7%D8%A8%D8%A9-%D8%A3%D9%83%D8%AB%D8%B1-%D8%A5%D9%86%D8%AA%D8%A7%D8%AC%D9%8A%D8%A9</t>
  </si>
  <si>
    <t xml:space="preserve">9 نصائح للحصول على الأفكار لكتابة القصة
</t>
  </si>
  <si>
    <t>http://makkahnewspaper.com/article/426634/%D8%A7%D9%86%D9%81%D9%88%D8%AC%D8%B1%D8%A7%D9%81%D9%8A%D9%83/9-%D9%86%D8%B5%D8%A7%D8%A6%D8%AD-%D9%84%D9%84%D8%AD%D8%B5%D9%88%D9%84-%D8%B9%D9%84%D9%89-%D8%A7%D9%84%D8%A3%D9%81%D9%83%D8%A7%D8%B1-%D9%84%D9%83%D8%AA%D8%A7%D8%A8%D8%A9-%D8%A7%D9%84%D9%82%D8%B5%D8%A9</t>
  </si>
  <si>
    <t xml:space="preserve">6 نصائح لحماية الأجهزة الالكترونية خلال السفر
</t>
  </si>
  <si>
    <t>http://makkahnewspaper.com/article/436240/%D8%A7%D9%86%D9%81%D9%88%D8%AC%D8%B1%D8%A7%D9%81%D9%8A%D9%83/6-%D9%86%D8%B5%D8%A7%D8%A6%D8%AD-%D9%84%D8%AD%D9%85%D8%A7%D9%8A%D8%A9-%D8%A7%D9%84%D8%A3%D8%AC%D9%87%D8%B2%D8%A9-%D8%A7%D9%84%D8%A7%D9%84%D9%83%D8%AA%D8%B1%D9%88%D9%86%D9%8A%D8%A9-%D8%AE%D9%84%D8%A7%D9%84-%D8%A7%D9%84%D8%B3%D9%81%D8%B1</t>
  </si>
  <si>
    <t xml:space="preserve">10 مميزات للذكاء العاطفي
</t>
  </si>
  <si>
    <t>http://makkahnewspaper.com/article/436294/%D8%A7%D9%86%D9%81%D9%88%D8%AC%D8%B1%D8%A7%D9%81%D9%8A%D9%83/10-%D9%85%D9%85%D9%8A%D8%B2%D8%A7%D8%AA-%D9%84%D9%84%D8%B0%D9%83%D8%A7%D8%A1-%D8%A7%D9%84%D8%B9%D8%A7%D8%B7%D9%81%D9%8A</t>
  </si>
  <si>
    <t xml:space="preserve">12 نصيحة للسفر بأمان
</t>
  </si>
  <si>
    <t>http://makkahnewspaper.com/article/443368/%D8%A7%D9%86%D9%81%D9%88%D8%AC%D8%B1%D8%A7%D9%81%D9%8A%D9%83/12-%D9%86%D8%B5%D9%8A%D8%AD%D8%A9-%D9%84%D9%84%D8%B3%D9%81%D8%B1-%D8%A8%D8%A3%D9%85%D8%A7%D9%86</t>
  </si>
  <si>
    <t xml:space="preserve">9 أنماط محفزة على القراءة
</t>
  </si>
  <si>
    <t>http://makkahnewspaper.com/article/443288/%D8%A7%D9%86%D9%81%D9%88%D8%AC%D8%B1%D8%A7%D9%81%D9%8A%D9%83/9-%D8%A3%D9%86%D9%85%D8%A7%D8%B7-%D9%85%D8%AD%D9%81%D8%B2%D8%A9-%D8%B9%D9%84%D9%89-%D8%A7%D9%84%D9%82%D8%B1%D8%A7%D8%A1%D8%A9</t>
  </si>
  <si>
    <t>نصائح لمساعدة الأطفال على تناول الطعام الصحي</t>
  </si>
  <si>
    <t>http://makkahnewspaper.com/article/443340/%D8%A7%D9%86%D9%81%D9%88%D8%AC%D8%B1%D8%A7%D9%81%D9%8A%D9%83/%D9%86%D8%B5%D8%A7%D8%A6%D8%AD-%D9%84%D9%85%D8%B3%D8%A7%D8%B9%D8%AF%D8%A9-%D8%A7%D9%84%D8%A3%D8%B7%D9%81%D8%A7%D9%84-%D8%B9%D9%84%D9%89-%D8%AA%D9%86%D8%A7%D9%88%D9%84-%D8%A7%D9%84%D8%B7%D8%B9%D8%A7%D9%85-%D8%A7%D9%84%D8%B5%D8%AD%D9%8A</t>
  </si>
  <si>
    <t xml:space="preserve">أخطاء تقترفها أول 10 دقائق في العمل
</t>
  </si>
  <si>
    <t>http://makkahnewspaper.com/article/449410/%D8%A7%D9%86%D9%81%D9%88%D8%AC%D8%B1%D8%A7%D9%81%D9%8A%D9%83/%D8%A3%D8%AE%D8%B7%D8%A7%D8%A1-%D8%AA%D9%82%D8%AA%D8%B1%D9%81%D9%87%D8%A7-%D8%A3%D9%88%D9%84-10-%D8%AF%D9%82%D8%A7%D8%A6%D9%82-%D9%81%D9%8A-%D8%A7%D9%84%D8%B9%D9%85%D9%84</t>
  </si>
  <si>
    <t xml:space="preserve">14 نصيحة لضبط ميزانية الطالب الجامعي
</t>
  </si>
  <si>
    <t>http://makkahnewspaper.com/article/449382/%D8%A7%D9%86%D9%81%D9%88%D8%AC%D8%B1%D8%A7%D9%81%D9%8A%D9%83/14-%D9%86%D8%B5%D9%8A%D8%AD%D8%A9-%D9%84%D8%B6%D8%A8%D8%B7-%D9%85%D9%8A%D8%B2%D8%A7%D9%86%D9%8A%D8%A9-%D8%A7%D9%84%D8%B7%D8%A7%D9%84%D8%A8-%D8%A7%D9%84%D8%AC%D8%A7%D9%85%D8%B9%D9%8A</t>
  </si>
  <si>
    <t xml:space="preserve">نصائح لبناء طفل يحب القراءة
</t>
  </si>
  <si>
    <t>http://makkahnewspaper.com/article/449339/%D8%A7%D9%86%D9%81%D9%88%D8%AC%D8%B1%D8%A7%D9%81%D9%8A%D9%83/%D9%86%D8%B5%D8%A7%D8%A6%D8%AD-%D9%84%D8%A8%D9%86%D8%A7%D8%A1-%D8%B7%D9%81%D9%84-%D9%8A%D8%AD%D8%A8-%D8%A7%D9%84%D9%82%D8%B1%D8%A7%D8%A1%D8%A9</t>
  </si>
  <si>
    <t xml:space="preserve">خطوات تجعل يومك أفضل
</t>
  </si>
  <si>
    <t>http://makkahnewspaper.com/article/455895/%D8%A7%D9%86%D9%81%D9%88%D8%AC%D8%B1%D8%A7%D9%81%D9%8A%D9%83/%D8%AE%D8%B7%D9%88%D8%A7%D8%AA-%D8%AA%D8%AC%D8%B9%D9%84-%D9%8A%D9%88%D9%85%D9%83-%D8%A3%D9%81%D8%B6%D9%84</t>
  </si>
  <si>
    <t xml:space="preserve">5 أضرار لاستخدام الهاتف الجوال عند النوم
</t>
  </si>
  <si>
    <t>http://makkahnewspaper.com/article/455872/%D8%A7%D9%86%D9%81%D9%88%D8%AC%D8%B1%D8%A7%D9%81%D9%8A%D9%83/5-%D8%A3%D8%B6%D8%B1%D8%A7%D8%B1-%D9%84%D8%A7%D8%B3%D8%AA%D8%AE%D8%AF%D8%A7%D9%85-%D8%A7%D9%84%D9%87%D8%A7%D8%AA%D9%81-%D8%A7%D9%84%D8%AC%D9%88%D8%A7%D9%84-%D8%B9%D9%86%D8%AF-%D8%A7%D9%84%D9%86%D9%88%D9%85</t>
  </si>
  <si>
    <t xml:space="preserve">10 قواعد تؤسس لحوار متناغم
</t>
  </si>
  <si>
    <t>http://makkahnewspaper.com/article/455841/%D8%A7%D9%86%D9%81%D9%88%D8%AC%D8%B1%D8%A7%D9%81%D9%8A%D9%83/10-%D9%82%D9%88%D8%A7%D8%B9%D8%AF-%D8%AA%D8%A4%D8%B3%D8%B3-%D9%84%D8%AD%D9%88%D8%A7%D8%B1-%D9%85%D8%AA%D9%86%D8%A7%D8%BA%D9%85</t>
  </si>
  <si>
    <t xml:space="preserve">10 مسببات مفاجئة للرائحة الكريهة للفم
</t>
  </si>
  <si>
    <t>http://makkahnewspaper.com/article/460717/%D8%A7%D9%86%D9%81%D9%88%D8%AC%D8%B1%D8%A7%D9%81%D9%8A%D9%83/10-%D9%85%D8%B3%D8%A8%D8%A8%D8%A7%D8%AA-%D9%85%D9%81%D8%A7%D8%AC%D8%A6%D8%A9-%D9%84%D9%84%D8%B1%D8%A7%D8%A6%D8%AD%D8%A9-%D8%A7%D9%84%D9%83%D8%B1%D9%8A%D9%87%D8%A9-%D9%84%D9%84%D9%81%D9%85</t>
  </si>
  <si>
    <t xml:space="preserve">علامات تظهر أن مديرك لا يحبك
</t>
  </si>
  <si>
    <t>http://makkahnewspaper.com/article/460697/%D8%A7%D9%86%D9%81%D9%88%D8%AC%D8%B1%D8%A7%D9%81%D9%8A%D9%83/%D8%B9%D9%84%D8%A7%D9%85%D8%A7%D8%AA-%D8%AA%D8%B8%D9%87%D8%B1-%D8%A3%D9%86-%D9%85%D8%AF%D9%8A%D8%B1%D9%83-%D9%84%D8%A7-%D9%8A%D8%AD%D8%A8%D9%83</t>
  </si>
  <si>
    <t xml:space="preserve">اختبار ضروري قبل أن تشتري المزيد من الكتب
</t>
  </si>
  <si>
    <t>http://makkahnewspaper.com/article/469618/%D8%A7%D9%86%D9%81%D9%88%D8%AC%D8%B1%D8%A7%D9%81%D9%8A%D9%83/%D8%A7%D8%AE%D8%AA%D8%A8%D8%A7%D8%B1-%D8%B6%D8%B1%D9%88%D8%B1%D9%8A-%D9%82%D8%A8%D9%84-%D8%A3%D9%86-%D8%AA%D8%B4%D8%AA%D8%B1%D9%8A-%D8%A7%D9%84%D9%85%D8%B2%D9%8A%D8%AF-%D9%85%D9%86-%D8%A7%D9%84%D9%83%D8%AA%D8%A8</t>
  </si>
  <si>
    <t xml:space="preserve">كلماتهم خلدت أسماءهم
</t>
  </si>
  <si>
    <t>http://makkahnewspaper.com/article/472343/%D8%A7%D9%86%D9%81%D9%88%D8%AC%D8%B1%D8%A7%D9%81%D9%8A%D9%83/%D9%83%D9%84%D9%85%D8%A7%D8%AA%D9%87%D9%85-%D8%AE%D9%84%D8%AF%D8%AA-%D8%A3%D8%B3%D9%85%D8%A7%D8%A1%D9%87%D9%85</t>
  </si>
  <si>
    <t xml:space="preserve">7 أسباب رئيسة لارتفاع الكولسترول
</t>
  </si>
  <si>
    <t>http://makkahnewspaper.com/article/477476/%D8%A7%D9%86%D9%81%D9%88%D8%AC%D8%B1%D8%A7%D9%81%D9%8A%D9%83/7-%D8%A3%D8%B3%D8%A8%D8%A7%D8%A8-%D8%B1%D8%A6%D9%8A%D8%B3%D8%A9-%D9%84%D8%A7%D8%B1%D8%AA%D9%81%D8%A7%D8%B9-%D8%A7%D9%84%D9%83%D9%88%D9%84%D8%B3%D8%AA%D8%B1%D9%88%D9%84</t>
  </si>
  <si>
    <t xml:space="preserve">6 طرق لتشعر بنشاط أكثر أثناء العمل
</t>
  </si>
  <si>
    <t>http://makkahnewspaper.com/article/477505/%D8%A7%D9%86%D9%81%D9%88%D8%AC%D8%B1%D8%A7%D9%81%D9%8A%D9%83/6-%D8%B7%D8%B1%D9%82-%D9%84%D8%AA%D8%B4%D8%B9%D8%B1-%D8%A8%D9%86%D8%B4%D8%A7%D8%B7-%D8%A3%D9%83%D8%AB%D8%B1-%D8%A3%D8%AB%D9%86%D8%A7%D8%A1-%D8%A7%D9%84%D8%B9%D9%85%D9%84</t>
  </si>
  <si>
    <t xml:space="preserve">فن الحياة
</t>
  </si>
  <si>
    <t>http://makkahnewspaper.com/article/478084/%D8%A7%D9%86%D9%81%D9%88%D8%AC%D8%B1%D8%A7%D9%81%D9%8A%D9%83/%D9%81%D9%86-%D8%A7%D9%84%D8%AD%D9%8A%D8%A7%D8%A9</t>
  </si>
  <si>
    <t xml:space="preserve">نصائح لكتابة عمل خيالي
</t>
  </si>
  <si>
    <t>http://makkahnewspaper.com/article/483304/%D8%A7%D9%86%D9%81%D9%88%D8%AC%D8%B1%D8%A7%D9%81%D9%8A%D9%83/%D9%86%D8%B5%D8%A7%D8%A6%D8%AD-%D9%84%D9%83%D8%AA%D8%A7%D8%A8%D8%A9-%D8%B9%D9%85%D9%84-%D8%AE%D9%8A%D8%A7%D9%84%D9%8A</t>
  </si>
  <si>
    <t xml:space="preserve">7 طرق لهدوء النفس
</t>
  </si>
  <si>
    <t>http://makkahnewspaper.com/article/483485/%D8%A7%D9%86%D9%81%D9%88%D8%AC%D8%B1%D8%A7%D9%81%D9%8A%D9%83/7-%D8%B7%D8%B1%D9%82-%D9%84%D9%87%D8%AF%D9%88%D8%A1-%D8%A7%D9%84%D9%86%D9%81%D8%B3</t>
  </si>
  <si>
    <t>10 نصائح صحية للأطفال في مرحلة ما قبل المدرسة</t>
  </si>
  <si>
    <t>http://makkahnewspaper.com/article/483349/%D8%A7%D9%86%D9%81%D9%88%D8%AC%D8%B1%D8%A7%D9%81%D9%8A%D9%83/10-%D9%86%D8%B5%D8%A7%D8%A6%D8%AD-%D8%B5%D8%AD%D9%8A%D8%A9-%D9%84%D9%84%D8%A3%D8%B7%D9%81%D8%A7%D9%84-%D9%81%D9%8A-%D9%85%D8%B1%D8%AD%D9%84%D8%A9-%D9%85%D8%A7-%D9%82%D8%A8%D9%84-%D8%A7%D9%84%D9%85%D8%AF%D8%B1%D8%B3%D8%A9</t>
  </si>
  <si>
    <t xml:space="preserve">ارتفاع استهلاك البنزين في أغسطس
</t>
  </si>
  <si>
    <t>http://makkahnewspaper.com/article/489590/%D8%A7%D9%86%D9%81%D9%88%D8%AC%D8%B1%D8%A7%D9%81%D9%8A%D9%83/%D8%A7%D8%B1%D8%AA%D9%81%D8%A7%D8%B9-%D8%A7%D8%B3%D8%AA%D9%87%D9%84%D8%A7%D9%83-%D8%A7%D9%84%D8%A8%D9%86%D8%B2%D9%8A%D9%86-%D9%81%D9%8A-%D8%A3%D8%BA%D8%B3%D8%B7%D8%B3</t>
  </si>
  <si>
    <t>8 حقائق مشوقة حول القراءة</t>
  </si>
  <si>
    <t>http://makkahnewspaper.com/article/489223/%D8%A7%D9%86%D9%81%D9%88%D8%AC%D8%B1%D8%A7%D9%81%D9%8A%D9%83/8-%D8%AD%D9%82%D8%A7%D8%A6%D9%82-%D9%85%D8%B4%D9%88%D9%82%D8%A9-%D8%AD%D9%88%D9%84-%D8%A7%D9%84%D9%82%D8%B1%D8%A7%D8%A1%D8%A9</t>
  </si>
  <si>
    <t xml:space="preserve">8 نصائح لحماية الجوال من المخترقين
</t>
  </si>
  <si>
    <t>http://makkahnewspaper.com/article/489242/%D8%A7%D9%86%D9%81%D9%88%D8%AC%D8%B1%D8%A7%D9%81%D9%8A%D9%83/8-%D9%86%D8%B5%D8%A7%D8%A6%D8%AD-%D9%84%D8%AD%D9%85%D8%A7%D9%8A%D8%A9-%D8%A7%D9%84%D8%AC%D9%88%D8%A7%D9%84-%D9%85%D9%86-%D8%A7%D9%84%D9%85%D8%AE%D8%AA%D8%B1%D9%82%D9%8A%D9%86</t>
  </si>
  <si>
    <t xml:space="preserve">5 طرق للتعامل مع الغضب في بيئة العمل
</t>
  </si>
  <si>
    <t>http://makkahnewspaper.com/article/495354/%D8%A7%D9%86%D9%81%D9%88%D8%AC%D8%B1%D8%A7%D9%81%D9%8A%D9%83/5-%D8%B7%D8%B1%D9%82-%D9%84%D9%84%D8%AA%D8%B9%D8%A7%D9%85%D9%84-%D9%85%D8%B9-%D8%A7%D9%84%D8%BA%D8%B6%D8%A8-%D9%81%D9%8A-%D8%A8%D9%8A%D8%A6%D8%A9-%D8%A7%D9%84%D8%B9%D9%85%D9%84</t>
  </si>
  <si>
    <t xml:space="preserve">تصرفات تزعج المقعدين
</t>
  </si>
  <si>
    <t>http://makkahnewspaper.com/article/495322/%D8%A7%D9%86%D9%81%D9%88%D8%AC%D8%B1%D8%A7%D9%81%D9%8A%D9%83/%D8%AA%D8%B5%D8%B1%D9%81%D8%A7%D8%AA-%D8%AA%D8%B2%D8%B9%D8%AC-%D8%A7%D9%84%D9%85%D9%82%D8%B9%D8%AF%D9%8A%D9%86</t>
  </si>
  <si>
    <t xml:space="preserve">من يتسبب في إحباط الموظف؟
</t>
  </si>
  <si>
    <t>http://makkahnewspaper.com/article/495292/%D8%A7%D9%86%D9%81%D9%88%D8%AC%D8%B1%D8%A7%D9%81%D9%8A%D9%83/%D9%85%D9%86-%D9%8A%D8%AA%D8%B3%D8%A8%D8%A8-%D9%81%D9%8A-%D8%A5%D8%AD%D8%A8%D8%A7%D8%B7-%D8%A7%D9%84%D9%85%D9%88%D8%B8%D9%81</t>
  </si>
  <si>
    <t xml:space="preserve">12 نصيحة لتطوير المهارات القيادية
</t>
  </si>
  <si>
    <t>http://makkahnewspaper.com/article/499728/%D8%A7%D9%86%D9%81%D9%88%D8%AC%D8%B1%D8%A7%D9%81%D9%8A%D9%83/12-%D9%86%D8%B5%D9%8A%D8%AD%D8%A9-%D9%84%D8%AA%D8%B7%D9%88%D9%8A%D8%B1-%D8%A7%D9%84%D9%85%D9%87%D8%A7%D8%B1%D8%A7%D8%AA-%D8%A7%D9%84%D9%82%D9%8A%D8%A7%D8%AF%D9%8A%D8%A9</t>
  </si>
  <si>
    <t>7 نصائح لممارسة العمل بسعادة</t>
  </si>
  <si>
    <t>http://makkahnewspaper.com/article/499697/%D8%A7%D9%86%D9%81%D9%88%D8%AC%D8%B1%D8%A7%D9%81%D9%8A%D9%83/7-%D9%86%D8%B5%D8%A7%D8%A6%D8%AD-%D9%84%D9%85%D9%85%D8%A7%D8%B1%D8%B3%D8%A9-%D8%A7%D9%84%D8%B9%D9%85%D9%84-%D8%A8%D8%B3%D8%B9%D8%A7%D8%AF%D8%A9</t>
  </si>
  <si>
    <t>10 طرق لتحب نفسك</t>
  </si>
  <si>
    <t>http://makkahnewspaper.com/article/508273/%D8%A7%D9%86%D9%81%D9%88%D8%AC%D8%B1%D8%A7%D9%81%D9%8A%D9%83/10-%D8%B7%D8%B1%D9%82-%D9%84%D8%AA%D8%AD%D8%A8-%D9%86%D9%81%D8%B3%D9%83</t>
  </si>
  <si>
    <t>10 أطنان معدل الاحتباس الحراري للفرد في مكة</t>
  </si>
  <si>
    <t>http://makkahnewspaper.com/article/512765/%D8%A7%D9%86%D9%81%D9%88%D8%AC%D8%B1%D8%A7%D9%81%D9%8A%D9%83/10-%D8%A3%D8%B7%D9%86%D8%A7%D9%86-%D9%85%D8%B9%D8%AF%D9%84-%D8%A7%D9%84%D8%A7%D8%AD%D8%AA%D8%A8%D8%A7%D8%B3-%D8%A7%D9%84%D8%AD%D8%B1%D8%A7%D8%B1%D9%8A-%D9%84%D9%84%D9%81%D8%B1%D8%AF-%D9%81%D9%8A-%D9%85%D9%83%D8%A9</t>
  </si>
  <si>
    <t xml:space="preserve">10 طرق لتخفيف يومك الثقيل
</t>
  </si>
  <si>
    <t>http://makkahnewspaper.com/article/512987/%D8%A7%D9%86%D9%81%D9%88%D8%AC%D8%B1%D8%A7%D9%81%D9%8A%D9%83/10-%D8%B7%D8%B1%D9%82-%D9%84%D8%AA%D8%AE%D9%81%D9%8A%D9%81-%D9%8A%D9%88%D9%85%D9%83-%D8%A7%D9%84%D8%AB%D9%82%D9%8A%D9%84</t>
  </si>
  <si>
    <t xml:space="preserve">7 خطوات في كتابة الشعر
</t>
  </si>
  <si>
    <t>http://makkahnewspaper.com/article/518198/%D8%A7%D9%86%D9%81%D9%88%D8%AC%D8%B1%D8%A7%D9%81%D9%8A%D9%83/7-%D8%AE%D8%B7%D9%88%D8%A7%D8%AA-%D9%81%D9%8A-%D9%83%D8%AA%D8%A7%D8%A8%D8%A9-%D8%A7%D9%84%D8%B4%D8%B9%D8%B1</t>
  </si>
  <si>
    <t xml:space="preserve">7 أشياء تستحق أن يجربها المعلم
</t>
  </si>
  <si>
    <t>http://makkahnewspaper.com/article/518255/%D8%A7%D9%86%D9%81%D9%88%D8%AC%D8%B1%D8%A7%D9%81%D9%8A%D9%83/7-%D8%A3%D8%B4%D9%8A%D8%A7%D8%A1-%D8%AA%D8%B3%D8%AA%D8%AD%D9%82-%D8%A3%D9%86-%D9%8A%D8%AC%D8%B1%D8%A8%D9%87%D8%A7-%D8%A7%D9%84%D9%85%D8%B9%D9%84%D9%85</t>
  </si>
  <si>
    <t xml:space="preserve">أهم الأسرار لتحقيق أفضل سعر عند بيع السيارة
</t>
  </si>
  <si>
    <t>http://makkahnewspaper.com/article/518229/%D8%A7%D9%86%D9%81%D9%88%D8%AC%D8%B1%D8%A7%D9%81%D9%8A%D9%83/%D8%A3%D9%87%D9%85-%D8%A7%D9%84%D8%A3%D8%B3%D8%B1%D8%A7%D8%B1-%D9%84%D8%AA%D8%AD%D9%82%D9%8A%D9%82-%D8%A3%D9%81%D8%B6%D9%84-%D8%B3%D8%B9%D8%B1-%D8%B9%D9%86%D8%AF-%D8%A8%D9%8A%D8%B9-%D8%A7%D9%84%D8%B3%D9%8A%D8%A7%D8%B1%D8%A9</t>
  </si>
  <si>
    <t xml:space="preserve">10 أسباب وراء نجاح هيئة الترفيه السعودية قبل أن تبدأ
</t>
  </si>
  <si>
    <t>http://makkahnewspaper.com/article/520818/%D8%A7%D9%86%D9%81%D9%88%D8%AC%D8%B1%D8%A7%D9%81%D9%8A%D9%83/10-%D8%A3%D8%B3%D8%A8%D8%A7%D8%A8-%D9%88%D8%B1%D8%A7%D8%A1-%D9%86%D8%AC%D8%A7%D8%AD-%D9%87%D9%8A%D8%A6%D8%A9-%D8%A7%D9%84%D8%AA%D8%B1%D9%81%D9%8A%D9%87-%D8%A7%D9%84%D8%B3%D8%B9%D9%88%D8%AF%D9%8A%D8%A9-%D9%82%D8%A8%D9%84-%D8%A3%D9%86-%D8%AA%D8%A8%D8%AF%D8%A3</t>
  </si>
  <si>
    <t xml:space="preserve">أنشطة كبار السن في أوقات الفراغ
</t>
  </si>
  <si>
    <t>http://makkahnewspaper.com/article/525127/%D8%A7%D9%86%D9%81%D9%88%D8%AC%D8%B1%D8%A7%D9%81%D9%8A%D9%83/%D8%A3%D9%86%D8%B4%D8%B7%D8%A9-%D9%83%D8%A8%D8%A7%D8%B1-%D8%A7%D9%84%D8%B3%D9%86-%D9%81%D9%8A-%D8%A3%D9%88%D9%82%D8%A7%D8%AA-%D8%A7%D9%84%D9%81%D8%B1%D8%A7%D8%BA</t>
  </si>
  <si>
    <t xml:space="preserve">4 خطوات لقراءة ورقة بحثية بشكل صحيح
</t>
  </si>
  <si>
    <t>http://makkahnewspaper.com/article/525164/%D8%A7%D9%86%D9%81%D9%88%D8%AC%D8%B1%D8%A7%D9%81%D9%8A%D9%83/4-%D8%AE%D8%B7%D9%88%D8%A7%D8%AA-%D9%84%D9%82%D8%B1%D8%A7%D8%A1%D8%A9-%D9%88%D8%B1%D9%82%D8%A9-%D8%A8%D8%AD%D8%AB%D9%8A%D8%A9-%D8%A8%D8%B4%D9%83%D9%84-%D8%B5%D8%AD%D9%8A%D8%AD</t>
  </si>
  <si>
    <t xml:space="preserve">12 صفة لتكون مديرا ناجحا
</t>
  </si>
  <si>
    <t>http://makkahnewspaper.com/article/525192/%D8%A7%D9%86%D9%81%D9%88%D8%AC%D8%B1%D8%A7%D9%81%D9%8A%D9%83/12-%D8%B5%D9%81%D8%A9-%D9%84%D8%AA%D9%83%D9%88%D9%86-%D9%85%D8%AF%D9%8A%D8%B1%D8%A7-%D9%86%D8%A7%D8%AC%D8%AD%D8%A7</t>
  </si>
  <si>
    <t>هل تعرف مجال العمل الأفضل لشخصيتك؟</t>
  </si>
  <si>
    <t>http://makkahnewspaper.com/article/532532/%D8%A7%D9%86%D9%81%D9%88%D8%AC%D8%B1%D8%A7%D9%81%D9%8A%D9%83/%D9%87%D9%84-%D8%AA%D8%B9%D8%B1%D9%81-%D9%85%D8%AC%D8%A7%D9%84-%D8%A7%D9%84%D8%B9%D9%85%D9%84-%D8%A7%D9%84%D8%A3%D9%81%D8%B6%D9%84-%D9%84%D8%B4%D8%AE%D8%B5%D9%8A%D8%AA%D9%83</t>
  </si>
  <si>
    <t xml:space="preserve">هل أنت مهووس بقواعد اللغة؟
</t>
  </si>
  <si>
    <t>http://makkahnewspaper.com/article/532438/%D8%A7%D9%86%D9%81%D9%88%D8%AC%D8%B1%D8%A7%D9%81%D9%8A%D9%83/%D9%87%D9%84-%D8%A3%D9%86%D8%AA-%D9%85%D9%87%D9%88%D9%88%D8%B3-%D8%A8%D9%82%D9%88%D8%A7%D8%B9%D8%AF-%D8%A7%D9%84%D9%84%D8%BA%D8%A9</t>
  </si>
  <si>
    <t xml:space="preserve">الانطباع الصحيح
</t>
  </si>
  <si>
    <t>http://makkahnewspaper.com/article/532573/%D8%A7%D9%86%D9%81%D9%88%D8%AC%D8%B1%D8%A7%D9%81%D9%8A%D9%83/%D8%A7%D9%84%D8%A7%D9%86%D8%B7%D8%A8%D8%A7%D8%B9-%D8%A7%D9%84%D8%B5%D8%AD%D9%8A%D8%AD</t>
  </si>
  <si>
    <t xml:space="preserve">5 خطوات لإعداد صندوق غذاء صحي
</t>
  </si>
  <si>
    <t>http://makkahnewspaper.com/article/538643/%D8%A7%D9%86%D9%81%D9%88%D8%AC%D8%B1%D8%A7%D9%81%D9%8A%D9%83/5-%D8%AE%D8%B7%D9%88%D8%A7%D8%AA-%D9%84%D8%A5%D8%B9%D8%AF%D8%A7%D8%AF-%D8%B5%D9%86%D8%AF%D9%88%D9%82-%D8%BA%D8%B0%D8%A7%D8%A1-%D8%B5%D8%AD%D9%8A</t>
  </si>
  <si>
    <t xml:space="preserve">8 خطوات لقراءة أفكار الآخرين
</t>
  </si>
  <si>
    <t>http://makkahnewspaper.com/article/538623/%D8%A7%D9%86%D9%81%D9%88%D8%AC%D8%B1%D8%A7%D9%81%D9%8A%D9%83/8-%D8%AE%D8%B7%D9%88%D8%A7%D8%AA-%D9%84%D9%82%D8%B1%D8%A7%D8%A1%D8%A9-%D8%A3%D9%81%D9%83%D8%A7%D8%B1-%D8%A7%D9%84%D8%A2%D8%AE%D8%B1%D9%8A%D9%86</t>
  </si>
  <si>
    <t>12 سببا تجعل الكتب هدايا مميزة</t>
  </si>
  <si>
    <t>http://makkahnewspaper.com/article/542497/%D8%A7%D9%86%D9%81%D9%88%D8%AC%D8%B1%D8%A7%D9%81%D9%8A%D9%83/12-%D8%B3%D8%A8%D8%A8%D8%A7-%D8%AA%D8%AC%D8%B9%D9%84-%D8%A7%D9%84%D9%83%D8%AA%D8%A8-%D9%87%D8%AF%D8%A7%D9%8A%D8%A7-%D9%85%D9%85%D9%8A%D8%B2%D8%A9</t>
  </si>
  <si>
    <t>6 نصائح لتنظيم وقت وعمل الكتاب</t>
  </si>
  <si>
    <t>http://makkahnewspaper.com/article/552803/%D8%A7%D9%86%D9%81%D9%88%D8%AC%D8%B1%D8%A7%D9%81%D9%8A%D9%83/6-%D9%86%D8%B5%D8%A7%D8%A6%D8%AD-%D9%84%D8%AA%D9%86%D8%B8%D9%8A%D9%85-%D9%88%D9%82%D8%AA-%D9%88%D8%B9%D9%85%D9%84-%D8%A7%D9%84%D9%83%D8%AA%D8%A7%D8%A8</t>
  </si>
  <si>
    <t xml:space="preserve">ماذا تفعل خلال إجازة التسعة أيام؟
</t>
  </si>
  <si>
    <t>http://makkahnewspaper.com/article/546293/%D8%A7%D9%86%D9%81%D9%88%D8%AC%D8%B1%D8%A7%D9%81%D9%8A%D9%83/%D9%85%D8%A7%D8%B0%D8%A7-%D8%AA%D9%81%D8%B9%D9%84-%D8%AE%D9%84%D8%A7%D9%84-%D8%A5%D8%AC%D8%A7%D8%B2%D8%A9-%D8%A7%D9%84%D8%AA%D8%B3%D8%B9%D8%A9-%D8%A3%D9%8A%D8%A7%D9%85</t>
  </si>
  <si>
    <t>أنواع وحلول قفلة الكاتب الإبداعية</t>
  </si>
  <si>
    <t>http://makkahnewspaper.com/article/565116/%D8%A7%D9%86%D9%81%D9%88%D8%AC%D8%B1%D8%A7%D9%81%D9%8A%D9%83/%D8%A3%D9%86%D9%88%D8%A7%D8%B9-%D9%88%D8%AD%D9%84%D9%88%D9%84-%D9%82%D9%81%D9%84%D8%A9-%D8%A7%D9%84%D9%83%D8%A7%D8%AA%D8%A8-%D8%A7%D9%84%D8%A5%D8%A8%D8%AF%D8%A7%D8%B9%D9%8A%D8%A9</t>
  </si>
  <si>
    <t xml:space="preserve">ماذا يعني أنك شاعر؟
</t>
  </si>
  <si>
    <t>http://makkahnewspaper.com/article/573119/%D8%A7%D9%86%D9%81%D9%88%D8%AC%D8%B1%D8%A7%D9%81%D9%8A%D9%83/%D9%85%D8%A7%D8%B0%D8%A7-%D9%8A%D8%B9%D9%86%D9%8A-%D8%A3%D9%86%D9%83-%D8%B4%D8%A7%D8%B9%D8%B1</t>
  </si>
  <si>
    <t xml:space="preserve">يوم اللطف العالمي
</t>
  </si>
  <si>
    <t>http://makkahnewspaper.com/article/569469/%D8%A7%D9%86%D9%81%D9%88%D8%AC%D8%B1%D8%A7%D9%81%D9%8A%D9%83/%D9%8A%D9%88%D9%85-%D8%A7%D9%84%D9%84%D8%B7%D9%81-%D8%A7%D9%84%D8%B9%D8%A7%D9%84%D9%85%D9%8A</t>
  </si>
  <si>
    <t>13 طريقة لتجاوز الإحباط الإبداعي</t>
  </si>
  <si>
    <t>http://makkahnewspaper.com/article/580774/%D8%A7%D9%86%D9%81%D9%88%D8%AC%D8%B1%D8%A7%D9%81%D9%8A%D9%83/13-%D8%B7%D8%B1%D9%8A%D9%82%D8%A9-%D9%84%D8%AA%D8%AC%D8%A7%D9%88%D8%B2-%D8%A7%D9%84%D8%A5%D8%AD%D8%A8%D8%A7%D8%B7-%D8%A7%D9%84%D8%A5%D8%A8%D8%AF%D8%A7%D8%B9%D9%8A</t>
  </si>
  <si>
    <t>7 فوائد لإتقان أكثر من لغة</t>
  </si>
  <si>
    <t>http://makkahnewspaper.com/article/584036/%D8%A7%D9%86%D9%81%D9%88%D8%AC%D8%B1%D8%A7%D9%81%D9%8A%D9%83/7-%D9%81%D9%88%D8%A7%D8%A6%D8%AF-%D9%84%D8%A5%D8%AA%D9%82%D8%A7%D9%86-%D8%A3%D9%83%D8%AB%D8%B1-%D9%85%D9%86-%D9%84%D8%BA%D8%A9</t>
  </si>
  <si>
    <t xml:space="preserve">4 أمور يجب أن يفعلها المدونون خلال الكتابة
</t>
  </si>
  <si>
    <t>http://makkahnewspaper.com/article/584118/%D8%A7%D9%86%D9%81%D9%88%D8%AC%D8%B1%D8%A7%D9%81%D9%8A%D9%83/4-%D8%A3%D9%85%D9%88%D8%B1-%D9%8A%D8%AC%D8%A8-%D8%A3%D9%86-%D9%8A%D9%81%D8%B9%D9%84%D9%87%D8%A7-%D8%A7%D9%84%D9%85%D8%AF%D9%88%D9%86%D9%88%D9%86-%D8%AE%D9%84%D8%A7%D9%84-%D8%A7%D9%84%D9%83%D8%AA%D8%A7%D8%A8%D8%A9</t>
  </si>
  <si>
    <t xml:space="preserve">ما هو الشيء المميز في أندية القراءة؟
</t>
  </si>
  <si>
    <t>http://makkahnewspaper.com/article/584265/%D8%A7%D9%86%D9%81%D9%88%D8%AC%D8%B1%D8%A7%D9%81%D9%8A%D9%83/%D9%85%D8%A7-%D9%87%D9%88-%D8%A7%D9%84%D8%B4%D9%8A%D8%A1-%D8%A7%D9%84%D9%85%D9%85%D9%8A%D8%B2-%D9%81%D9%8A-%D8%A3%D9%86%D8%AF%D9%8A%D8%A9-%D8%A7%D9%84%D9%82%D8%B1%D8%A7%D8%A1%D8%A9</t>
  </si>
  <si>
    <t>خطوات بناء فريق عمل فعال</t>
  </si>
  <si>
    <t>http://makkahnewspaper.com/article/584363/%D8%A7%D9%86%D9%81%D9%88%D8%AC%D8%B1%D8%A7%D9%81%D9%8A%D9%83/%D8%AE%D8%B7%D9%88%D8%A7%D8%AA-%D8%A8%D9%86%D8%A7%D8%A1-%D9%81%D8%B1%D9%8A%D9%82-%D8%B9%D9%85%D9%84-%D9%81%D8%B9%D8%A7%D9%84</t>
  </si>
  <si>
    <t xml:space="preserve">9 نصائح لتصوير الألعاب النارية بكاميرا الايفون
</t>
  </si>
  <si>
    <t>http://makkahnewspaper.com/article/584357/%D8%A7%D9%86%D9%81%D9%88%D8%AC%D8%B1%D8%A7%D9%81%D9%8A%D9%83/9-%D9%86%D8%B5%D8%A7%D8%A6%D8%AD-%D9%84%D8%AA%D8%B5%D9%88%D9%8A%D8%B1-%D8%A7%D9%84%D8%A3%D9%84%D8%B9%D8%A7%D8%A8-%D8%A7%D9%84%D9%86%D8%A7%D8%B1%D9%8A%D8%A9-%D8%A8%D9%83%D8%A7%D9%85%D9%8A%D8%B1%D8%A7-%D8%A7%D9%84%D8%A7%D9%8A%D9%81%D9%88%D9%86</t>
  </si>
  <si>
    <t xml:space="preserve">10 أمور بسيطة تزيد من سعادتك
</t>
  </si>
  <si>
    <t>http://makkahnewspaper.com/article/584352/%D8%A7%D9%86%D9%81%D9%88%D8%AC%D8%B1%D8%A7%D9%81%D9%8A%D9%83/10-%D8%A3%D9%85%D9%88%D8%B1-%D8%A8%D8%B3%D9%8A%D8%B7%D8%A9-%D8%AA%D8%B2%D9%8A%D8%AF-%D9%85%D9%86-%D8%B3%D8%B9%D8%A7%D8%AF%D8%AA%D9%83</t>
  </si>
  <si>
    <t xml:space="preserve">12 نصيحة للاستفادة من وقتك
</t>
  </si>
  <si>
    <t>http://makkahnewspaper.com/article/584462/%D8%A7%D9%86%D9%81%D9%88%D8%AC%D8%B1%D8%A7%D9%81%D9%8A%D9%83/12-%D9%86%D8%B5%D9%8A%D8%AD%D8%A9-%D9%84%D9%84%D8%A7%D8%B3%D8%AA%D9%81%D8%A7%D8%AF%D8%A9-%D9%85%D9%86-%D9%88%D9%82%D8%AA%D9%83</t>
  </si>
  <si>
    <t xml:space="preserve">13 نصيحة في الطريق إلى السعادة
</t>
  </si>
  <si>
    <t>http://makkahnewspaper.com/article/584461/%D8%A7%D9%86%D9%81%D9%88%D8%AC%D8%B1%D8%A7%D9%81%D9%8A%D9%83/13-%D9%86%D8%B5%D9%8A%D8%AD%D8%A9-%D9%81%D9%8A-%D8%A7%D9%84%D8%B7%D8%B1%D9%8A%D9%82-%D8%A5%D9%84%D9%89-%D8%A7%D9%84%D8%B3%D8%B9%D8%A7%D8%AF%D8%A9</t>
  </si>
  <si>
    <t xml:space="preserve">التضخم السعودي يهبط إلى 2.6%
</t>
  </si>
  <si>
    <t>http://makkahnewspaper.com/article/584564/%D8%A7%D9%86%D9%81%D9%88%D8%AC%D8%B1%D8%A7%D9%81%D9%8A%D9%83/%D8%A7%D9%84%D8%AA%D8%B6%D8%AE%D9%85-%D8%A7%D9%84%D8%B3%D8%B9%D9%88%D8%AF%D9%8A-%D9%8A%D9%87%D8%A8%D8%B7-%D8%A5%D9%84%D9%89-26</t>
  </si>
  <si>
    <t>10 نصائح لتحقيق أهدافك</t>
  </si>
  <si>
    <t>http://makkahnewspaper.com/article/584557/%D8%A7%D9%86%D9%81%D9%88%D8%AC%D8%B1%D8%A7%D9%81%D9%8A%D9%83/10-%D9%86%D8%B5%D8%A7%D8%A6%D8%AD-%D9%84%D8%AA%D8%AD%D9%82%D9%8A%D9%82-%D8%A3%D9%87%D8%AF%D8%A7%D9%81%D9%83</t>
  </si>
  <si>
    <t>8 طرق خاطئة في التعامل مع التوتر</t>
  </si>
  <si>
    <t>http://makkahnewspaper.com/article/584665/%D8%A7%D9%86%D9%81%D9%88%D8%AC%D8%B1%D8%A7%D9%81%D9%8A%D9%83/8-%D8%B7%D8%B1%D9%82-%D8%AE%D8%A7%D8%B7%D8%A6%D8%A9-%D9%81%D9%8A-%D8%A7%D9%84%D8%AA%D8%B9%D8%A7%D9%85%D9%84-%D9%85%D8%B9-%D8%A7%D9%84%D8%AA%D9%88%D8%AA%D8%B1</t>
  </si>
  <si>
    <t>6 نصائح أمنية للمدونين</t>
  </si>
  <si>
    <t>http://makkahnewspaper.com/article/584669/%D8%A7%D9%86%D9%81%D9%88%D8%AC%D8%B1%D8%A7%D9%81%D9%8A%D9%83/6-%D9%86%D8%B5%D8%A7%D8%A6%D8%AD-%D8%A3%D9%85%D9%86%D9%8A%D8%A9-%D9%84%D9%84%D9%85%D8%AF%D9%88%D9%86%D9%8A%D9%86</t>
  </si>
  <si>
    <t>9 سلوكيات عليك اكتسابها قبل الثلاثين</t>
  </si>
  <si>
    <t>http://makkahnewspaper.com/article/584667/%D8%A7%D9%86%D9%81%D9%88%D8%AC%D8%B1%D8%A7%D9%81%D9%8A%D9%83/9-%D8%B3%D9%84%D9%88%D9%83%D9%8A%D8%A7%D8%AA-%D8%B9%D9%84%D9%8A%D9%83-%D8%A7%D9%83%D8%AA%D8%B3%D8%A7%D8%A8%D9%87%D8%A7-%D9%82%D8%A8%D9%84-%D8%A7%D9%84%D8%AB%D9%84%D8%A7%D8%AB%D9%8A%D9%86</t>
  </si>
  <si>
    <t>ماذا تعرف عن الجمعة السوداء؟</t>
  </si>
  <si>
    <t>http://makkahnewspaper.com/article/584766/%D8%A7%D9%86%D9%81%D9%88%D8%AC%D8%B1%D8%A7%D9%81%D9%8A%D9%83/%D9%85%D8%A7%D8%B0%D8%A7-%D8%AA%D8%B9%D8%B1%D9%81-%D8%B9%D9%86-%D8%A7%D9%84%D8%AC%D9%85%D8%B9%D8%A9-%D8%A7%D9%84%D8%B3%D9%88%D8%AF%D8%A7%D8%A1</t>
  </si>
  <si>
    <t>7 أسباب لتفوق الطلبة الكسالى في الحياة</t>
  </si>
  <si>
    <t>http://makkahnewspaper.com/article/584852/%D8%A7%D9%86%D9%81%D9%88%D8%AC%D8%B1%D8%A7%D9%81%D9%8A%D9%83/7-%D8%A3%D8%B3%D8%A8%D8%A7%D8%A8-%D9%84%D8%AA%D9%81%D9%88%D9%82-%D8%A7%D9%84%D8%B7%D9%84%D8%A8%D8%A9-%D8%A7%D9%84%D9%83%D8%B3%D8%A7%D9%84%D9%89-%D9%81%D9%8A-%D8%A7%D9%84%D8%AD%D9%8A%D8%A7%D8%A9</t>
  </si>
  <si>
    <t xml:space="preserve">كيف تتعامل مع نقاط ضعفك؟
</t>
  </si>
  <si>
    <t>http://makkahnewspaper.com/article/584848/%D8%A7%D9%86%D9%81%D9%88%D8%AC%D8%B1%D8%A7%D9%81%D9%8A%D9%83/%D9%83%D9%8A%D9%81-%D8%AA%D8%AA%D8%B9%D8%A7%D9%85%D9%84-%D9%85%D8%B9-%D9%86%D9%82%D8%A7%D8%B7-%D8%B6%D8%B9%D9%81%D9%83</t>
  </si>
  <si>
    <t xml:space="preserve">10 طرق للحفاظ على رشاقتك خلال مشاهدة التلفزيون
</t>
  </si>
  <si>
    <t>http://makkahnewspaper.com/article/584844/%D8%A7%D9%86%D9%81%D9%88%D8%AC%D8%B1%D8%A7%D9%81%D9%8A%D9%83/10-%D8%B7%D8%B1%D9%82-%D9%84%D9%84%D8%AD%D9%81%D8%A7%D8%B8-%D8%B9%D9%84%D9%89-%D8%B1%D8%B4%D8%A7%D9%82%D8%AA%D9%83-%D8%AE%D9%84%D8%A7%D9%84-%D9%85%D8%B4%D8%A7%D9%87%D8%AF%D8%A9-%D8%A7%D9%84%D8%AA%D9%84%D9%81%D8%B2%D9%8A%D9%88%D9%86</t>
  </si>
  <si>
    <t xml:space="preserve">10 نقاط يجب تجنبها لتفادي اختراق الجمعة البيضاء
</t>
  </si>
  <si>
    <t>http://makkahnewspaper.com/article/584970/%D8%A7%D9%86%D9%81%D9%88%D8%AC%D8%B1%D8%A7%D9%81%D9%8A%D9%83/10-%D9%86%D9%82%D8%A7%D8%B7-%D9%8A%D8%AC%D8%A8-%D8%AA%D8%AC%D9%86%D8%A8%D9%87%D8%A7-%D9%84%D8%AA%D9%81%D8%A7%D8%AF%D9%8A-%D8%A7%D8%AE%D8%AA%D8%B1%D8%A7%D9%82-%D8%A7%D9%84%D8%AC%D9%85%D8%B9%D8%A9-%D8%A7%D9%84%D8%A8%D9%8A%D8%B6%D8%A7%D8%A1</t>
  </si>
  <si>
    <t xml:space="preserve">كيف تنصف لجنة توثيق البطولات؟
</t>
  </si>
  <si>
    <t>http://makkahnewspaper.com/article/584898/%D8%A7%D9%86%D9%81%D9%88%D8%AC%D8%B1%D8%A7%D9%81%D9%8A%D9%83/%D9%83%D9%8A%D9%81-%D8%AA%D9%86%D8%B5%D9%81-%D9%84%D8%AC%D9%86%D8%A9-%D8%AA%D9%88%D8%AB%D9%8A%D9%82-%D8%A7%D9%84%D8%A8%D8%B7%D9%88%D9%84%D8%A7%D8%AA</t>
  </si>
  <si>
    <t xml:space="preserve">9 أفكار ملهمة للعناية بالصحة أثناء الانهماك في العمل
</t>
  </si>
  <si>
    <t>http://makkahnewspaper.com/article/585038/%D8%A7%D9%86%D9%81%D9%88%D8%AC%D8%B1%D8%A7%D9%81%D9%8A%D9%83/9-%D8%A3%D9%81%D9%83%D8%A7%D8%B1-%D9%85%D9%84%D9%87%D9%85%D8%A9-%D9%84%D9%84%D8%B9%D9%86%D8%A7%D9%8A%D8%A9-%D8%A8%D8%A7%D9%84%D8%B5%D8%AD%D8%A9-%D8%A3%D8%AB%D9%86%D8%A7%D8%A1-%D8%A7%D9%84%D8%A7%D9%86%D9%87%D9%85%D8%A7%D9%83-%D9%81%D9%8A-%D8%A7%D9%84%D8%B9%D9%85%D9%84</t>
  </si>
  <si>
    <t xml:space="preserve">9 أسباب تجعل العمل ضارا بالصحة
</t>
  </si>
  <si>
    <t>http://makkahnewspaper.com/article/585102/%D8%A7%D9%86%D9%81%D9%88%D8%AC%D8%B1%D8%A7%D9%81%D9%8A%D9%83/9-%D8%A3%D8%B3%D8%A8%D8%A7%D8%A8-%D8%AA%D8%AC%D8%B9%D9%84-%D8%A7%D9%84%D8%B9%D9%85%D9%84-%D8%B6%D8%A7%D8%B1%D8%A7-%D8%A8%D8%A7%D9%84%D8%B5%D8%AD%D8%A9</t>
  </si>
  <si>
    <t>6 رسائل بدون نفس</t>
  </si>
  <si>
    <t>http://makkahnewspaper.com/article/585168/%D8%A7%D9%86%D9%81%D9%88%D8%AC%D8%B1%D8%A7%D9%81%D9%8A%D9%83/6-%D8%B1%D8%B3%D8%A7%D8%A6%D9%84-%D8%A8%D8%AF%D9%88%D9%86-%D9%86%D9%81%D8%B3</t>
  </si>
  <si>
    <t>20 عادة ينبغي التوقف عنها بعد الثلاثين</t>
  </si>
  <si>
    <t>http://makkahnewspaper.com/article/585224/%D8%A7%D9%86%D9%81%D9%88%D8%AC%D8%B1%D8%A7%D9%81%D9%8A%D9%83/20-%D8%B9%D8%A7%D8%AF%D8%A9-%D9%8A%D9%86%D8%A8%D8%BA%D9%8A-%D8%A7%D9%84%D8%AA%D9%88%D9%82%D9%81-%D8%B9%D9%86%D9%87%D8%A7-%D8%A8%D8%B9%D8%AF-%D8%A7%D9%84%D8%AB%D9%84%D8%A7%D8%AB%D9%8A%D9%86</t>
  </si>
  <si>
    <t xml:space="preserve">تعلم مهارة جديدة في 60 دقيقة
</t>
  </si>
  <si>
    <t>http://makkahnewspaper.com/article/585356/%D8%A7%D9%86%D9%81%D9%88%D8%AC%D8%B1%D8%A7%D9%81%D9%8A%D9%83/%D8%AA%D8%B9%D9%84%D9%85-%D9%85%D9%87%D8%A7%D8%B1%D8%A9-%D8%AC%D8%AF%D9%8A%D8%AF%D8%A9-%D9%81%D9%8A-60-%D8%AF%D9%82%D9%8A%D9%82%D8%A9</t>
  </si>
  <si>
    <t xml:space="preserve">5 اتجاهات تقنية لمساعدة المشاريع الصغيرة
</t>
  </si>
  <si>
    <t>http://makkahnewspaper.com/article/585441/%D8%A7%D9%86%D9%81%D9%88%D8%AC%D8%B1%D8%A7%D9%81%D9%8A%D9%83/5-%D8%A7%D8%AA%D8%AC%D8%A7%D9%87%D8%A7%D8%AA-%D8%AA%D9%82%D9%86%D9%8A%D8%A9-%D9%84%D9%85%D8%B3%D8%A7%D8%B9%D8%AF%D8%A9-%D8%A7%D9%84%D9%85%D8%B4%D8%A7%D8%B1%D9%8A%D8%B9-%D8%A7%D9%84%D8%B5%D8%BA%D9%8A%D8%B1%D8%A9</t>
  </si>
  <si>
    <t>13 مبدأ في منهج السعادة</t>
  </si>
  <si>
    <t>http://makkahnewspaper.com/article/585521/%D8%A7%D9%86%D9%81%D9%88%D8%AC%D8%B1%D8%A7%D9%81%D9%8A%D9%83/13-%D9%85%D8%A8%D8%AF%D8%A3-%D9%81%D9%8A-%D9%85%D9%86%D9%87%D8%AC-%D8%A7%D9%84%D8%B3%D8%B9%D8%A7%D8%AF%D8%A9</t>
  </si>
  <si>
    <t xml:space="preserve">7 طرق لحماية الحساسين من النقد
</t>
  </si>
  <si>
    <t>http://makkahnewspaper.com/article/585522/%D8%A7%D9%86%D9%81%D9%88%D8%AC%D8%B1%D8%A7%D9%81%D9%8A%D9%83/7-%D8%B7%D8%B1%D9%82-%D9%84%D8%AD%D9%85%D8%A7%D9%8A%D8%A9-%D8%A7%D9%84%D8%AD%D8%B3%D8%A7%D8%B3%D9%8A%D9%86-%D9%85%D9%86-%D8%A7%D9%84%D9%86%D9%82%D8%AF</t>
  </si>
  <si>
    <t>خطوات الاسترخاء</t>
  </si>
  <si>
    <t>http://makkahnewspaper.com/article/585523/%D8%A7%D9%86%D9%81%D9%88%D8%AC%D8%B1%D8%A7%D9%81%D9%8A%D9%83/%D8%AE%D8%B7%D9%88%D8%A7%D8%AA-%D8%A7%D9%84%D8%A7%D8%B3%D8%AA%D8%B1%D8%AE%D8%A7%D8%A1</t>
  </si>
  <si>
    <t xml:space="preserve">اليوم العالمي للإيدز
</t>
  </si>
  <si>
    <t>http://makkahnewspaper.com/article/585623/%D8%A7%D9%86%D9%81%D9%88%D8%AC%D8%B1%D8%A7%D9%81%D9%8A%D9%83/%D8%A7%D9%84%D9%8A%D9%88%D9%85-%D8%A7%D9%84%D8%B9%D8%A7%D9%84%D9%85%D9%8A-%D9%84%D9%84%D8%A7%D9%8A%D8%AF%D8%B2</t>
  </si>
  <si>
    <t xml:space="preserve">6 مزايا في الأشخاص الملتزمين بمواعيدهم
</t>
  </si>
  <si>
    <t>http://makkahnewspaper.com/article/585699/%D8%A7%D9%86%D9%81%D9%88%D8%AC%D8%B1%D8%A7%D9%81%D9%8A%D9%83/6-%D9%85%D8%B2%D8%A7%D9%8A%D8%A7-%D9%81%D9%8A-%D8%A7%D9%84%D8%A3%D8%B4%D8%AE%D8%A7%D8%B5-%D8%A7%D9%84%D9%85%D9%84%D8%AA%D8%B2%D9%85%D9%8A%D9%86-%D8%A8%D9%85%D9%88%D8%A7%D8%B9%D9%8A%D8%AF%D9%87%D9%85</t>
  </si>
  <si>
    <t>الصين سوق رئيسة للصادرات السعودية</t>
  </si>
  <si>
    <t>http://makkahnewspaper.com/article/585664/%D8%A7%D9%86%D9%81%D9%88%D8%AC%D8%B1%D8%A7%D9%81%D9%8A%D9%83/%D8%A7%D9%84%D8%B5%D9%8A%D9%86-%D8%B3%D9%88%D9%82-%D8%B1%D8%A6%D9%8A%D8%B3%D8%A9-%D9%84%D9%84%D8%B5%D8%A7%D8%AF%D8%B1%D8%A7%D8%AA-%D8%A7%D9%84%D8%B3%D8%B9%D9%88%D8%AF%D9%8A%D8%A9</t>
  </si>
  <si>
    <t>مكة تتصدر المناطق في الأخطاء الطبية بـ87 وفاة خلال عام</t>
  </si>
  <si>
    <t>http://makkahnewspaper.com/article/585643/%D8%A7%D9%86%D9%81%D9%88%D8%AC%D8%B1%D8%A7%D9%81%D9%8A%D9%83/%D9%85%D9%83%D8%A9-%D8%AA%D8%AA%D8%B5%D8%AF%D8%B1-%D8%A7%D9%84%D9%85%D9%86%D8%A7%D8%B7%D9%82-%D9%81%D9%8A-%D8%A7%D9%84%D8%A3%D8%AE%D8%B7%D8%A7%D8%A1-%D8%A7%D9%84%D8%B7%D8%A8%D9%8A%D8%A9-%D8%A887-%D9%88%D9%81%D8%A7%D8%A9-%D8%AE%D9%84%D8%A7%D9%84-%D8%B9%D8%A7%D9%85</t>
  </si>
  <si>
    <t>5 أسرار لمفاوضة ناجحة</t>
  </si>
  <si>
    <t>http://makkahnewspaper.com/article/585757/%D8%A7%D9%86%D9%81%D9%88%D8%AC%D8%B1%D8%A7%D9%81%D9%8A%D9%83/5-%D8%A3%D8%B3%D8%B1%D8%A7%D8%B1-%D9%84%D9%85%D9%81%D8%A7%D9%88%D8%B6%D8%A9-%D9%86%D8%A7%D8%AC%D8%AD%D8%A9</t>
  </si>
  <si>
    <t>اليوم العالمي للاحتفاء بذوي القدرات الخاصة</t>
  </si>
  <si>
    <t>http://makkahnewspaper.com/article/585805/%D8%A7%D9%86%D9%81%D9%88%D8%AC%D8%B1%D8%A7%D9%81%D9%8A%D9%83/%D8%A7%D9%84%D9%8A%D9%88%D9%85-%D8%A7%D9%84%D8%B9%D8%A7%D9%84%D9%85%D9%8A-%D9%84%D9%84%D8%A7%D8%AD%D8%AA%D9%81%D8%A7%D8%A1-%D8%A8%D8%B0%D9%88%D9%8A-%D8%A7%D9%84%D9%82%D8%AF%D8%B1%D8%A7%D8%AA-%D8%A7%D9%84%D8%AE%D8%A7%D8%B5%D8%A9</t>
  </si>
  <si>
    <t>الثقة مفتاح النجاح</t>
  </si>
  <si>
    <t>http://makkahnewspaper.com/article/585836/%D8%A7%D9%86%D9%81%D9%88%D8%AC%D8%B1%D8%A7%D9%81%D9%8A%D9%83/%D8%A7%D9%84%D8%AB%D9%82%D8%A9-%D9%85%D9%81%D8%AA%D8%A7%D8%AD-%D8%A7%D9%84%D9%86%D8%AC%D8%A7%D8%AD</t>
  </si>
  <si>
    <t>اليوم العالمي للتطوع</t>
  </si>
  <si>
    <t>http://makkahnewspaper.com/article/585930/%D8%A7%D9%86%D9%81%D9%88%D8%AC%D8%B1%D8%A7%D9%81%D9%8A%D9%83/%D8%A7%D9%84%D9%8A%D9%88%D9%85-%D8%A7%D9%84%D8%B9%D8%A7%D9%84%D9%85%D9%8A-%D9%84%D9%84%D8%AA%D8%B7%D9%88%D8%B9</t>
  </si>
  <si>
    <t>هل سيدير أولاد ترامب إمبراطورية أعماله؟</t>
  </si>
  <si>
    <t>http://makkahnewspaper.com/article/585947/%D8%A7%D9%86%D9%81%D9%88%D8%AC%D8%B1%D8%A7%D9%81%D9%8A%D9%83/%D9%87%D9%84-%D8%B3%D9%8A%D8%AF%D9%8A%D8%B1-%D8%A3%D9%88%D9%84%D8%A7%D8%AF-%D8%AA%D8%B1%D8%A7%D9%85%D8%A8-%D8%A5%D9%85%D8%A8%D8%B1%D8%A7%D8%B7%D9%88%D8%B1%D9%8A%D8%A9-%D8%A3%D8%B9%D9%85%D8%A7%D9%84%D9%87</t>
  </si>
  <si>
    <t>7 عبارات ضد النجاح</t>
  </si>
  <si>
    <t>http://makkahnewspaper.com/article/586028/%D8%A7%D9%86%D9%81%D9%88%D8%AC%D8%B1%D8%A7%D9%81%D9%8A%D9%83/7-%D8%B9%D8%A8%D8%A7%D8%B1%D8%A7%D8%AA-%D8%B6%D8%AF-%D8%A7%D9%84%D9%86%D8%AC%D8%A7%D8%AD</t>
  </si>
  <si>
    <t xml:space="preserve">25 عادة يومية لذكاء أكثر
</t>
  </si>
  <si>
    <t>http://makkahnewspaper.com/article/586149/%D8%A7%D9%86%D9%81%D9%88%D8%AC%D8%B1%D8%A7%D9%81%D9%8A%D9%83/25-%D8%B9%D8%A7%D8%AF%D8%A9-%D9%8A%D9%88%D9%85%D9%8A%D8%A9-%D9%84%D8%B0%D9%83%D8%A7%D8%A1-%D8%A3%D9%83%D8%AB%D8%B1</t>
  </si>
  <si>
    <t>يوم التحليق العالمي</t>
  </si>
  <si>
    <t>http://makkahnewspaper.com/article/586182/%D8%A7%D9%86%D9%81%D9%88%D8%AC%D8%B1%D8%A7%D9%81%D9%8A%D9%83/%D9%8A%D9%88%D9%85-%D8%A7%D9%84%D8%AA%D8%AD%D9%84%D9%8A%D9%82-%D8%A7%D9%84%D8%B9%D8%A7%D9%84%D9%85%D9%8A</t>
  </si>
  <si>
    <t>لون العالم برتقالي</t>
  </si>
  <si>
    <t>http://makkahnewspaper.com/article/586278/%D8%A7%D9%86%D9%81%D9%88%D8%AC%D8%B1%D8%A7%D9%81%D9%8A%D9%83/%D9%84%D9%88%D9%86-%D8%A7%D9%84%D8%B9%D8%A7%D9%84%D9%85-%D8%A8%D8%B1%D8%AA%D9%82%D8%A7%D9%84%D9%8A</t>
  </si>
  <si>
    <t>اليوم العالمي لمكافحة الفساد</t>
  </si>
  <si>
    <t>http://makkahnewspaper.com/article/586391/%D8%A7%D9%86%D9%81%D9%88%D8%AC%D8%B1%D8%A7%D9%81%D9%8A%D9%83/%D8%A7%D9%84%D9%8A%D9%88%D9%85-%D8%A7%D9%84%D8%B9%D8%A7%D9%84%D9%85%D9%8A-%D9%84%D9%85%D9%83%D8%A7%D9%81%D8%AD%D8%A9-%D8%A7%D9%84%D9%81%D8%B3%D8%A7%D8%AF</t>
  </si>
  <si>
    <t>الكويت بيت الإعلام الخليجي</t>
  </si>
  <si>
    <t>http://makkahnewspaper.com/article/586358/%D8%A7%D9%86%D9%81%D9%88%D8%AC%D8%B1%D8%A7%D9%81%D9%8A%D9%83/%D8%A7%D9%84%D9%83%D9%88%D9%8A%D8%AA-%D8%A8%D9%8A%D8%AA-%D8%A7%D9%84%D8%A5%D8%B9%D9%84%D8%A7%D9%85-%D8%A7%D9%84%D8%AE%D9%84%D9%8A%D8%AC%D9%8A</t>
  </si>
  <si>
    <t>اليوم العالمي لحقك الإنساني</t>
  </si>
  <si>
    <t>http://makkahnewspaper.com/article/586447/%D8%A7%D9%86%D9%81%D9%88%D8%AC%D8%B1%D8%A7%D9%81%D9%8A%D9%83/%D8%A7%D9%84%D9%8A%D9%88%D9%85-%D8%A7%D9%84%D8%B9%D8%A7%D9%84%D9%85%D9%8A-%D9%84%D8%AD%D9%82%D9%83-%D8%A7%D9%84%D8%A5%D9%86%D8%B3%D8%A7%D9%86%D9%8A</t>
  </si>
  <si>
    <t>الجبال عطاء مهمل</t>
  </si>
  <si>
    <t>http://makkahnewspaper.com/article/586532/%D8%A7%D9%86%D9%81%D9%88%D8%AC%D8%B1%D8%A7%D9%81%D9%8A%D9%83/%D8%A7%D9%84%D8%AC%D8%A8%D8%A7%D9%84-%D8%B9%D8%B7%D8%A7%D8%A1-%D9%85%D9%87%D9%85%D9%84</t>
  </si>
  <si>
    <t>10 عادات صباحية ليوم أكثر نشاطا</t>
  </si>
  <si>
    <t>http://makkahnewspaper.com/article/586533/%D8%A7%D9%86%D9%81%D9%88%D8%AC%D8%B1%D8%A7%D9%81%D9%8A%D9%83/10-%D8%B9%D8%A7%D8%AF%D8%A7%D8%AA-%D8%B5%D8%A8%D8%A7%D8%AD%D9%8A%D8%A9-%D9%84%D9%8A%D9%88%D9%85-%D8%A3%D9%83%D8%AB%D8%B1-%D9%86%D8%B4%D8%A7%D8%B7%D8%A7</t>
  </si>
  <si>
    <t>دليل الصحة النفسية للأبناء</t>
  </si>
  <si>
    <t>http://makkahnewspaper.com/article/586534/%D8%A7%D9%86%D9%81%D9%88%D8%AC%D8%B1%D8%A7%D9%81%D9%8A%D9%83/%D8%AF%D9%84%D9%8A%D9%84-%D8%A7%D9%84%D8%B5%D8%AD%D8%A9-%D8%A7%D9%84%D9%86%D9%81%D8%B3%D9%8A%D8%A9-%D9%84%D9%84%D8%A3%D8%A8%D9%86%D8%A7%D8%A1</t>
  </si>
  <si>
    <t>كيف تصبح كاتبا يكسب المال؟</t>
  </si>
  <si>
    <t>http://makkahnewspaper.com/article/586669/%D8%A7%D9%86%D9%81%D9%88%D8%AC%D8%B1%D8%A7%D9%81%D9%8A%D9%83/%D9%83%D9%8A%D9%81-%D8%AA%D8%B5%D8%A8%D8%AD-%D9%83%D8%A7%D8%AA%D8%A8%D8%A7-%D9%8A%D9%83%D8%B3%D8%A8-%D8%A7%D9%84%D9%85%D8%A7%D9%84</t>
  </si>
  <si>
    <t>11 طريقة لتصبح ثريا</t>
  </si>
  <si>
    <t>http://makkahnewspaper.com/article/586670/%D8%A7%D9%86%D9%81%D9%88%D8%AC%D8%B1%D8%A7%D9%81%D9%8A%D9%83/11-%D8%B7%D8%B1%D9%8A%D9%82%D8%A9-%D9%84%D8%AA%D8%B5%D8%A8%D8%AD-%D8%AB%D8%B1%D9%8A%D8%A7</t>
  </si>
  <si>
    <t>10 عادات تضر بجهاز المناعة</t>
  </si>
  <si>
    <t>http://makkahnewspaper.com/article/586820/%D8%A7%D9%86%D9%81%D9%88%D8%AC%D8%B1%D8%A7%D9%81%D9%8A%D9%83/10-%D8%B9%D8%A7%D8%AF%D8%A7%D8%AA-%D8%AA%D8%B6%D8%B1-%D8%A8%D8%AC%D9%87%D8%A7%D8%B2-%D8%A7%D9%84%D9%85%D9%86%D8%A7%D8%B9%D8%A9</t>
  </si>
  <si>
    <t>كيف تعد جناحك في معرض الكتاب؟</t>
  </si>
  <si>
    <t>http://makkahnewspaper.com/article/586817/%D8%A7%D9%86%D9%81%D9%88%D8%AC%D8%B1%D8%A7%D9%81%D9%8A%D9%83/%D9%83%D9%8A%D9%81-%D8%AA%D8%B9%D8%AF-%D8%AC%D9%86%D8%A7%D8%AD%D9%83-%D9%81%D9%8A-%D9%85%D8%B9%D8%B1%D8%B6-%D8%A7%D9%84%D9%83%D8%AA%D8%A7%D8%A8</t>
  </si>
  <si>
    <t>انفوجرافيك: للحفاظ على دماغك</t>
  </si>
  <si>
    <t>http://makkahnewspaper.com/article/586867/%D8%A7%D9%86%D9%81%D9%88%D8%AC%D8%B1%D8%A7%D9%81%D9%8A%D9%83/%D8%A7%D9%86%D9%81%D9%88%D8%AC%D8%B1%D8%A7%D9%81%D9%8A%D9%83-%D9%84%D9%84%D8%AD%D9%81%D8%A7%D8%B8-%D8%B9%D9%84%D9%89-%D8%AF%D9%85%D8%A7%D8%BA%D9%83</t>
  </si>
  <si>
    <t>انفوجرافيك: ما هو تسمم أول أكسيد الكربون ؟</t>
  </si>
  <si>
    <t>http://makkahnewspaper.com/article/586870/%D8%A7%D9%86%D9%81%D9%88%D8%AC%D8%B1%D8%A7%D9%81%D9%8A%D9%83/%D8%A7%D9%86%D9%81%D9%88%D8%AC%D8%B1%D8%A7%D9%81%D9%8A%D9%83-%D9%85%D8%A7-%D9%87%D9%88-%D8%AA%D8%B3%D9%85%D9%85-%D8%A3%D9%88%D9%84-%D8%A3%D9%83%D8%B3%D9%8A%D8%AF-%D8%A7%D9%84%D9%83%D8%B1%D8%A8%D9%88%D9%86-</t>
  </si>
  <si>
    <t>10 أفكار للاستفادة القصوى من معرض الكتاب</t>
  </si>
  <si>
    <t>http://makkahnewspaper.com/article/586950/%D8%A7%D9%86%D9%81%D9%88%D8%AC%D8%B1%D8%A7%D9%81%D9%8A%D9%83/10-%D8%A3%D9%81%D9%83%D8%A7%D8%B1-%D9%84%D9%84%D8%A7%D8%B3%D8%AA%D9%81%D8%A7%D8%AF%D8%A9-%D8%A7%D9%84%D9%82%D8%B5%D9%88%D9%89-%D9%85%D9%86-%D9%85%D8%B9%D8%B1%D8%B6-%D8%A7%D9%84%D9%83%D8%AA%D8%A7%D8%A8</t>
  </si>
  <si>
    <t>10 خيارات لتكافئ ذاتك بعيدا عن الطعام</t>
  </si>
  <si>
    <t>http://makkahnewspaper.com/article/587039/%D8%A7%D9%86%D9%81%D9%88%D8%AC%D8%B1%D8%A7%D9%81%D9%8A%D9%83/10-%D8%AE%D9%8A%D8%A7%D8%B1%D8%A7%D8%AA-%D9%84%D8%AA%D9%83%D8%A7%D9%81%D8%A6-%D8%B0%D8%A7%D8%AA%D9%83-%D8%A8%D8%B9%D9%8A%D8%AF%D8%A7-%D8%B9%D9%86-%D8%A7%D9%84%D8%B7%D8%B9%D8%A7%D9%85</t>
  </si>
  <si>
    <t>كيف تستغل معرض الكتاب؟</t>
  </si>
  <si>
    <t>http://makkahnewspaper.com/article/587037/%D8%A7%D9%86%D9%81%D9%88%D8%AC%D8%B1%D8%A7%D9%81%D9%8A%D9%83/%D9%83%D9%8A%D9%81-%D8%AA%D8%B3%D8%AA%D8%BA%D9%84-%D9%85%D8%B9%D8%B1%D8%B6-%D8%A7%D9%84%D9%83%D8%AA%D8%A7%D8%A8</t>
  </si>
  <si>
    <t>11 يوما للنفسيات</t>
  </si>
  <si>
    <t>http://makkahnewspaper.com/article/587084/%D8%A7%D9%86%D9%81%D9%88%D8%AC%D8%B1%D8%A7%D9%81%D9%8A%D9%83/11-%D9%8A%D9%88%D9%85%D8%A7-%D9%84%D9%84%D9%86%D9%81%D8%B3%D9%8A%D8%A7%D8%AA</t>
  </si>
  <si>
    <t>كيف تكون زيارتك لمعرض الكتاب اقتصادية؟</t>
  </si>
  <si>
    <t>http://makkahnewspaper.com/article/587212/%D8%A7%D9%86%D9%81%D9%88%D8%AC%D8%B1%D8%A7%D9%81%D9%8A%D9%83/%D9%83%D9%8A%D9%81-%D8%AA%D9%83%D9%88%D9%86-%D8%B2%D9%8A%D8%A7%D8%B1%D8%AA%D9%83-%D9%84%D9%85%D8%B9%D8%B1%D8%B6-%D8%A7%D9%84%D9%83%D8%AA%D8%A7%D8%A8-%D8%A7%D9%82%D8%AA%D8%B5%D8%A7%D8%AF%D9%8A%D8%A9</t>
  </si>
  <si>
    <t>7 فوائد مثبتة علميا لشرب الماء صباحا</t>
  </si>
  <si>
    <t>http://makkahnewspaper.com/article/587313/%D8%A7%D9%86%D9%81%D9%88%D8%AC%D8%B1%D8%A7%D9%81%D9%8A%D9%83/7-%D9%81%D9%88%D8%A7%D8%A6%D8%AF-%D9%85%D8%AB%D8%A8%D8%AA%D8%A9-%D8%B9%D9%84%D9%85%D9%8A%D8%A7-%D9%84%D8%B4%D8%B1%D8%A8-%D8%A7%D9%84%D9%85%D8%A7%D8%A1-%D8%B5%D8%A8%D8%A7%D8%AD%D8%A7</t>
  </si>
  <si>
    <t>9 علامات للذكاء الأعلى من المعدل الطبيعي</t>
  </si>
  <si>
    <t>http://makkahnewspaper.com/article/587310/%D8%A7%D9%86%D9%81%D9%88%D8%AC%D8%B1%D8%A7%D9%81%D9%8A%D9%83/9-%D8%B9%D9%84%D8%A7%D9%85%D8%A7%D8%AA-%D9%84%D9%84%D8%B0%D9%83%D8%A7%D8%A1-%D8%A7%D9%84%D8%A3%D8%B9%D9%84%D9%89-%D9%85%D9%86-%D8%A7%D9%84%D9%85%D8%B9%D8%AF%D9%84-%D8%A7%D9%84%D8%B7%D8%A8%D9%8A%D8%B9%D9%8A</t>
  </si>
  <si>
    <t>10 نصائح لرحلة الصغار إلى معرض الكتاب</t>
  </si>
  <si>
    <t>http://makkahnewspaper.com/article/587311/%D8%A7%D9%86%D9%81%D9%88%D8%AC%D8%B1%D8%A7%D9%81%D9%8A%D9%83/10-%D9%86%D8%B5%D8%A7%D8%A6%D8%AD-%D9%84%D8%B1%D8%AD%D9%84%D8%A9-%D8%A7%D9%84%D8%B5%D8%BA%D8%A7%D8%B1-%D8%A5%D9%84%D9%89-%D9%85%D8%B9%D8%B1%D8%B6-%D8%A7%D9%84%D9%83%D8%AA%D8%A7%D8%A8</t>
  </si>
  <si>
    <t>يوم وداع الوطن</t>
  </si>
  <si>
    <t>http://makkahnewspaper.com/article/587419/%D8%A7%D9%86%D9%81%D9%88%D8%AC%D8%B1%D8%A7%D9%81%D9%8A%D9%83/%D9%8A%D9%88%D9%85-%D9%88%D8%AF%D8%A7%D8%B9-%D8%A7%D9%84%D9%88%D8%B7%D9%86</t>
  </si>
  <si>
    <t>أشهر 7 خرافات حول خسارة الوزن</t>
  </si>
  <si>
    <t>http://makkahnewspaper.com/article/587453/%D8%A7%D9%86%D9%81%D9%88%D8%AC%D8%B1%D8%A7%D9%81%D9%8A%D9%83/%D8%A3%D8%B4%D9%87%D8%B1-7-%D8%AE%D8%B1%D8%A7%D9%81%D8%A7%D8%AA-%D8%AD%D9%88%D9%84-%D8%AE%D8%B3%D8%A7%D8%B1%D8%A9-%D8%A7%D9%84%D9%88%D8%B2%D9%86</t>
  </si>
  <si>
    <t>6 نصائح عملية لزيارة ناجحة لمعرض الكتاب</t>
  </si>
  <si>
    <t>http://makkahnewspaper.com/article/587450/%D8%A7%D9%86%D9%81%D9%88%D8%AC%D8%B1%D8%A7%D9%81%D9%8A%D9%83/6-%D9%86%D8%B5%D8%A7%D8%A6%D8%AD-%D8%B9%D9%85%D9%84%D9%8A%D8%A9-%D9%84%D8%B2%D9%8A%D8%A7%D8%B1%D8%A9-%D9%86%D8%A7%D8%AC%D8%AD%D8%A9-%D9%84%D9%85%D8%B9%D8%B1%D8%B6-%D8%A7%D9%84%D9%83%D8%AA%D8%A7%D8%A8</t>
  </si>
  <si>
    <t>7 مهارات تضمن لك ترقية وظيفتك</t>
  </si>
  <si>
    <t>http://makkahnewspaper.com/article/587449/%D8%A7%D9%86%D9%81%D9%88%D8%AC%D8%B1%D8%A7%D9%81%D9%8A%D9%83/7-%D9%85%D9%87%D8%A7%D8%B1%D8%A7%D8%AA-%D8%AA%D8%B6%D9%85%D9%86-%D9%84%D9%83-%D8%AA%D8%B1%D9%82%D9%8A%D8%A9-%D9%88%D8%B8%D9%8A%D9%81%D8%AA%D9%83</t>
  </si>
  <si>
    <t>أبسط طريقة للبدء في تغيير العادات الغذائية</t>
  </si>
  <si>
    <t>http://makkahnewspaper.com/article/587580/%D8%A7%D9%86%D9%81%D9%88%D8%AC%D8%B1%D8%A7%D9%81%D9%8A%D9%83/%D8%A3%D8%A8%D8%B3%D8%B7-%D8%B7%D8%B1%D9%8A%D9%82%D8%A9-%D9%84%D9%84%D8%A8%D8%AF%D8%A1-%D9%81%D9%8A-%D8%AA%D8%BA%D9%8A%D9%8A%D8%B1-%D8%A7%D9%84%D8%B9%D8%A7%D8%AF%D8%A7%D8%AA-%D8%A7%D9%84%D8%BA%D8%B0%D8%A7%D8%A6%D9%8A%D8%A9</t>
  </si>
  <si>
    <t>11 نصيحة مخصصة للكتاب والمؤلفين</t>
  </si>
  <si>
    <t>http://makkahnewspaper.com/article/587578/%D8%A7%D9%86%D9%81%D9%88%D8%AC%D8%B1%D8%A7%D9%81%D9%8A%D9%83/11-%D9%86%D8%B5%D9%8A%D8%AD%D8%A9-%D9%85%D8%AE%D8%B5%D8%B5%D8%A9-%D9%84%D9%84%D9%83%D8%AA%D8%A7%D8%A8-%D9%88%D8%A7%D9%84%D9%85%D8%A4%D9%84%D9%81%D9%8A%D9%86</t>
  </si>
  <si>
    <t>كيف تنمي موهبة طفل يحب الكتابة؟</t>
  </si>
  <si>
    <t>http://makkahnewspaper.com/article/587690/%D8%A7%D9%86%D9%81%D9%88%D8%AC%D8%B1%D8%A7%D9%81%D9%8A%D9%83/%D9%83%D9%8A%D9%81-%D8%AA%D9%86%D9%85%D9%8A-%D9%85%D9%88%D9%87%D8%A8%D8%A9-%D8%B7%D9%81%D9%84-%D9%8A%D8%AD%D8%A8-%D8%A7%D9%84%D9%83%D8%AA%D8%A7%D8%A8%D8%A9</t>
  </si>
  <si>
    <t>10 فروقات للعمل مع مدرب بشكل فردي</t>
  </si>
  <si>
    <t>http://makkahnewspaper.com/article/587692/%D8%A7%D9%86%D9%81%D9%88%D8%AC%D8%B1%D8%A7%D9%81%D9%8A%D9%83/10-%D9%81%D8%B1%D9%88%D9%82%D8%A7%D8%AA-%D9%84%D9%84%D8%B9%D9%85%D9%84-%D9%85%D8%B9-%D9%85%D8%AF%D8%B1%D8%A8-%D8%A8%D8%B4%D9%83%D9%84-%D9%81%D8%B1%D8%AF%D9%8A</t>
  </si>
  <si>
    <t>5 طرق مجربة لتربية طفلك على حب القراءة</t>
  </si>
  <si>
    <t>http://makkahnewspaper.com/article/587785/%D8%A7%D9%86%D9%81%D9%88%D8%AC%D8%B1%D8%A7%D9%81%D9%8A%D9%83/5-%D8%B7%D8%B1%D9%82-%D9%85%D8%AC%D8%B1%D8%A8%D8%A9-%D9%84%D8%AA%D8%B1%D8%A8%D9%8A%D8%A9-%D8%B7%D9%81%D9%84%D9%83-%D8%B9%D9%84%D9%89-%D8%AD%D8%A8-%D8%A7%D9%84%D9%82%D8%B1%D8%A7%D8%A1%D8%A9</t>
  </si>
  <si>
    <t>كم تغيرت تكلفة الكتاب منذ 1977 حتى 2016؟</t>
  </si>
  <si>
    <t>http://makkahnewspaper.com/article/587926/%D8%A7%D9%86%D9%81%D9%88%D8%AC%D8%B1%D8%A7%D9%81%D9%8A%D9%83/%D9%83%D9%85-%D8%AA%D8%BA%D9%8A%D8%B1%D8%AA-%D8%AA%D9%83%D9%84%D9%81%D8%A9-%D8%A7%D9%84%D9%83%D8%AA%D8%A7%D8%A8-%D9%85%D9%86%D8%B0-1977-%D8%AD%D8%AA%D9%89-2016</t>
  </si>
  <si>
    <t>الميزانية السعودية في 52 عاما</t>
  </si>
  <si>
    <t>http://makkahnewspaper.com/article/587901/%D8%A7%D9%86%D9%81%D9%88%D8%AC%D8%B1%D8%A7%D9%81%D9%8A%D9%83/%D8%A7%D9%84%D9%85%D9%8A%D8%B2%D8%A7%D9%86%D9%8A%D8%A9-%D8%A7%D9%84%D8%B3%D8%B9%D9%88%D8%AF%D9%8A%D8%A9-%D9%81%D9%8A-52-%D8%B9%D8%A7%D9%85%D8%A7</t>
  </si>
  <si>
    <t>متاحف وقاعات فنون مسارح للجريمة السياسية والإرهاب</t>
  </si>
  <si>
    <t>http://makkahnewspaper.com/article/588039/%D8%A7%D9%86%D9%81%D9%88%D8%AC%D8%B1%D8%A7%D9%81%D9%8A%D9%83/%D9%85%D8%AA%D8%A7%D8%AD%D9%81-%D9%88%D9%82%D8%A7%D8%B9%D8%A7%D8%AA-%D9%81%D9%86%D9%88%D9%86--%D9%85%D8%B3%D8%A7%D8%B1%D8%AD-%D9%84%D9%84%D8%AC%D8%B1%D9%8A%D9%85%D8%A9-%D8%A7%D9%84%D8%B3%D9%8A%D8%A7%D8%B3%D9%8A%D8%A9-%D9%88%D8%A7%D9%84%D8%A5%D8%B1%D9%87%D8%A7%D8%A8</t>
  </si>
  <si>
    <t>أعمار الأبطال الخارقين</t>
  </si>
  <si>
    <t>http://makkahnewspaper.com/article/588159/%D8%A7%D9%86%D9%81%D9%88%D8%AC%D8%B1%D8%A7%D9%81%D9%8A%D9%83/%D8%A3%D8%B9%D9%85%D8%A7%D8%B1-%D8%A7%D9%84%D8%A3%D8%A8%D8%B7%D8%A7%D9%84--%D8%A7%D9%84%D8%AE%D8%A7%D8%B1%D9%82%D9%8A%D9%86</t>
  </si>
  <si>
    <t>ما الذي يحفزني؟ لا تمارس إلا عملا تعشقه</t>
  </si>
  <si>
    <t>http://makkahnewspaper.com/article/588149/%D8%A7%D9%86%D9%81%D9%88%D8%AC%D8%B1%D8%A7%D9%81%D9%8A%D9%83/%D9%85%D8%A7-%D8%A7%D9%84%D8%B0%D9%8A-%D9%8A%D8%AD%D9%81%D8%B2%D9%86%D9%8A-%D9%84%D8%A7-%D8%AA%D9%85%D8%A7%D8%B1%D8%B3-%D8%A5%D9%84%D8%A7-%D8%B9%D9%85%D9%84%D8%A7-%D8%AA%D8%B9%D8%B4%D9%82%D9%87</t>
  </si>
  <si>
    <t>9 أسباب لرفض الزواج من كاتب</t>
  </si>
  <si>
    <t>http://makkahnewspaper.com/article/588144/%D8%A7%D9%86%D9%81%D9%88%D8%AC%D8%B1%D8%A7%D9%81%D9%8A%D9%83/9-%D8%A3%D8%B3%D8%A8%D8%A7%D8%A8-%D9%84%D8%B1%D9%81%D8%B6-%D8%A7%D9%84%D8%B2%D9%88%D8%A7%D8%AC-%D9%85%D9%86-%D9%83%D8%A7%D8%AA%D8%A8</t>
  </si>
  <si>
    <t>5 إرشادات في الكتابة الإبداعية</t>
  </si>
  <si>
    <t>http://makkahnewspaper.com/article/588229/%D8%A7%D9%86%D9%81%D9%88%D8%AC%D8%B1%D8%A7%D9%81%D9%8A%D9%83/5-%D8%A5%D8%B1%D8%B4%D8%A7%D8%AF%D8%A7%D8%AA-%D9%81%D9%8A-%D8%A7%D9%84%D9%83%D8%AA%D8%A7%D8%A8%D8%A9-%D8%A7%D9%84%D8%A5%D8%A8%D8%AF%D8%A7%D8%B9%D9%8A%D8%A9</t>
  </si>
  <si>
    <t>خطوات لزيارة طبية ناجحة</t>
  </si>
  <si>
    <t>http://makkahnewspaper.com/article/588233/%D8%A7%D9%86%D9%81%D9%88%D8%AC%D8%B1%D8%A7%D9%81%D9%8A%D9%83/%D8%AE%D8%B7%D9%88%D8%A7%D8%AA-%D9%84%D8%B2%D9%8A%D8%A7%D8%B1%D8%A9-%D8%B7%D8%A8%D9%8A%D8%A9-%D9%86%D8%A7%D8%AC%D8%AD%D8%A9</t>
  </si>
  <si>
    <t>6 أسباب لعدم الانهماك في العمل</t>
  </si>
  <si>
    <t>http://makkahnewspaper.com/article/588231/%D8%A7%D9%86%D9%81%D9%88%D8%AC%D8%B1%D8%A7%D9%81%D9%8A%D9%83/6-%D8%A3%D8%B3%D8%A8%D8%A7%D8%A8-%D9%84%D8%B9%D8%AF%D9%85-%D8%A7%D9%84%D8%A7%D9%86%D9%87%D9%85%D8%A7%D9%83-%D9%81%D9%8A-%D8%A7%D9%84%D8%B9%D9%85%D9%84</t>
  </si>
  <si>
    <t>كيف تذاكر ليلة الاختبار؟</t>
  </si>
  <si>
    <t>http://makkahnewspaper.com/article/588349/%D8%A7%D9%86%D9%81%D9%88%D8%AC%D8%B1%D8%A7%D9%81%D9%8A%D9%83/%D9%83%D9%8A%D9%81-%D8%AA%D8%B0%D8%A7%D9%83%D8%B1-%D9%84%D9%8A%D9%84%D8%A9-%D8%A7%D9%84%D8%A7%D8%AE%D8%AA%D8%A8%D8%A7%D8%B1</t>
  </si>
  <si>
    <t>5 علامات تدل على أنك ستصبح مليونيرا</t>
  </si>
  <si>
    <t>http://makkahnewspaper.com/article/588477/%D8%A7%D9%86%D9%81%D9%88%D8%AC%D8%B1%D8%A7%D9%81%D9%8A%D9%83/5-%D8%B9%D9%84%D8%A7%D9%85%D8%A7%D8%AA-%D8%AA%D8%AF%D9%84-%D8%B9%D9%84%D9%89-%D8%A3%D9%86%D9%83-%D8%B3%D8%AA%D8%B5%D8%A8%D8%AD-%D9%85%D9%84%D9%8A%D9%88%D9%86%D9%8A%D8%B1%D8%A7</t>
  </si>
  <si>
    <t>10 مؤشرات على قوتك الكتابية</t>
  </si>
  <si>
    <t>http://makkahnewspaper.com/article/588474/%D8%A7%D9%86%D9%81%D9%88%D8%AC%D8%B1%D8%A7%D9%81%D9%8A%D9%83/10-%D9%85%D8%A4%D8%B4%D8%B1%D8%A7%D8%AA-%D8%B9%D9%84%D9%89-%D9%82%D9%88%D8%AA%D9%83-%D8%A7%D9%84%D9%83%D8%AA%D8%A7%D8%A8%D9%8A%D8%A9</t>
  </si>
  <si>
    <t>أسوأ طرق كسب المال على الانترنت</t>
  </si>
  <si>
    <t>http://makkahnewspaper.com/article/588602/%D8%A7%D9%86%D9%81%D9%88%D8%AC%D8%B1%D8%A7%D9%81%D9%8A%D9%83/%D8%A3%D8%B3%D9%88%D8%A3-%D8%B7%D8%B1%D9%82-%D9%83%D8%B3%D8%A8-%D8%A7%D9%84%D9%85%D8%A7%D9%84-%D8%B9%D9%84%D9%89-%D8%A7%D9%84%D8%A7%D9%86%D8%AA%D8%B1%D9%86%D8%AA</t>
  </si>
  <si>
    <t>17 طريقة لتعرف ما إذا كان زملاء عملك يكرهونك</t>
  </si>
  <si>
    <t>http://makkahnewspaper.com/article/588600/%D8%A7%D9%86%D9%81%D9%88%D8%AC%D8%B1%D8%A7%D9%81%D9%8A%D9%83/17-%D8%B7%D8%B1%D9%8A%D9%82%D8%A9-%D9%84%D8%AA%D8%B9%D8%B1%D9%81-%D9%85%D8%A7-%D8%A5%D8%B0%D8%A7-%D9%83%D8%A7%D9%86-%D8%B2%D9%85%D9%84%D8%A7%D8%A1-%D8%B9%D9%85%D9%84%D9%83-%D9%8A%D9%83%D8%B1%D9%87%D9%88%D9%86%D9%83</t>
  </si>
  <si>
    <t>7 خطوات لجلسة صحية واثقة</t>
  </si>
  <si>
    <t>http://makkahnewspaper.com/article/588601/%D8%A7%D9%86%D9%81%D9%88%D8%AC%D8%B1%D8%A7%D9%81%D9%8A%D9%83/7-%D8%AE%D8%B7%D9%88%D8%A7%D8%AA-%D9%84%D8%AC%D9%84%D8%B3%D8%A9-%D8%B5%D8%AD%D9%8A%D8%A9-%D9%88%D8%A7%D8%AB%D9%82%D8%A9</t>
  </si>
  <si>
    <t>انفوجرافيك: 8 نصائح لاستثمار لغة الجسد</t>
  </si>
  <si>
    <t>http://makkahnewspaper.com/article/588635/%D8%A7%D9%86%D9%81%D9%88%D8%AC%D8%B1%D8%A7%D9%81%D9%8A%D9%83/%D8%A7%D9%86%D9%81%D9%88%D8%AC%D8%B1%D8%A7%D9%81%D9%8A%D9%83-8-%D9%86%D8%B5%D8%A7%D8%A6%D8%AD-%D9%84%D8%A7%D8%B3%D8%AA%D8%AB%D9%85%D8%A7%D8%B1-%D9%84%D8%BA%D8%A9-%D8%A7%D9%84%D8%AC%D8%B3%D8%AF</t>
  </si>
  <si>
    <t>انفوجرافيك: تأثير العمل على الحياة</t>
  </si>
  <si>
    <t>http://makkahnewspaper.com/article/588634/%D8%A7%D9%86%D9%81%D9%88%D8%AC%D8%B1%D8%A7%D9%81%D9%8A%D9%83/%D8%A7%D9%86%D9%81%D9%88%D8%AC%D8%B1%D8%A7%D9%81%D9%8A%D9%83-%D8%AA%D8%A3%D8%AB%D9%8A%D8%B1-%D8%A7%D9%84%D8%B9%D9%85%D9%84-%D8%B9%D9%84%D9%89-%D8%A7%D9%84%D8%AD%D9%8A%D8%A7%D8%A9</t>
  </si>
  <si>
    <t>كيف تبدأ عام 2017؟</t>
  </si>
  <si>
    <t>http://makkahnewspaper.com/article/588680/%D8%A7%D9%86%D9%81%D9%88%D8%AC%D8%B1%D8%A7%D9%81%D9%8A%D9%83/%D9%83%D9%8A%D9%81-%D8%AA%D8%A8%D8%AF%D8%A3-%D8%B9%D8%A7%D9%85-2017</t>
  </si>
  <si>
    <t>23 إرشادا لمواجهة قلق الاختبارات</t>
  </si>
  <si>
    <t>http://makkahnewspaper.com/article/588768/%D8%A7%D9%86%D9%81%D9%88%D8%AC%D8%B1%D8%A7%D9%81%D9%8A%D9%83/23-%D8%A5%D8%B1%D8%B4%D8%A7%D8%AF%D8%A7-%D9%84%D9%85%D9%88%D8%A7%D8%AC%D9%87%D8%A9-%D9%82%D9%84%D9%82-%D8%A7%D9%84%D8%A7%D8%AE%D8%AA%D8%A8%D8%A7%D8%B1%D8%A7%D8%AA</t>
  </si>
  <si>
    <t xml:space="preserve">Alan Kurdi: What has changed since his death?
</t>
  </si>
  <si>
    <t>http://www.aljazeera.com/indepth/interactive/2016/08/alan-kurdi-changed-death-160831173922096.html</t>
  </si>
  <si>
    <t>How to become a saint</t>
  </si>
  <si>
    <t>http://interactive.aljazeera.com/aje/2016/how-to-become-a-saint-mother-theresa/index.html</t>
  </si>
  <si>
    <t>Eid al-Adha holiday: How many days is it by country?</t>
  </si>
  <si>
    <t>http://www.aljazeera.com/indepth/interactive/2016/09/eid-al-adha-2016-holiday-philippines-uae-saudi-pakistan-160905105451432.html</t>
  </si>
  <si>
    <t>My Eid Outfit</t>
  </si>
  <si>
    <t>http://interactive.aljazeera.com/aje/2016/eid-outfit/</t>
  </si>
  <si>
    <t>Perceptions of a Cypriot ghost town</t>
  </si>
  <si>
    <t>http://www.aljazeera.com/indepth/interactive/2016/09/perceptions-cypriot-ghost-town-160911122718432.html</t>
  </si>
  <si>
    <t>Bangladesh's genetically modified eggplants</t>
  </si>
  <si>
    <t>http://interactive.aljazeera.com/aje/2016/gmo-eggplants-aubergines-bangladesh/index.html#104</t>
  </si>
  <si>
    <t>Dumsor: The electricity outages leaving Ghana in the dark</t>
  </si>
  <si>
    <t>http://interactive.aljazeera.com/aje/2016/ghana-electricity-outage-dumsor/#top</t>
  </si>
  <si>
    <t>Clinton vs Trump: Money spent on the campaign trail</t>
  </si>
  <si>
    <t>http://www.aljazeera.com/indepth/interactive/2016/05/campaign-money-spent-elections-160504113055849.html</t>
  </si>
  <si>
    <t>Morocco elections
The Voice of The People</t>
  </si>
  <si>
    <t>http://interactive.aljazeera.com/aje/2016/morocco-elections/index.html</t>
  </si>
  <si>
    <t>The last Jews of Zakarpattia</t>
  </si>
  <si>
    <t>http://interactive.aljazeera.com/aje/2016/jews-ukraine-zakarpattia-holocaust/index.html</t>
  </si>
  <si>
    <t>#Hacked - Investigate Syria's cyberwar</t>
  </si>
  <si>
    <t>https://syhacked.com/</t>
  </si>
  <si>
    <t>Animation: What is Female Genital Mutilation (FGM)?</t>
  </si>
  <si>
    <t>http://www.aljazeera.com/indepth/interactive/2016/06/female-genital-mutilation-fgm-160601125718596.html</t>
  </si>
  <si>
    <t>Animation: The fly catchers fighting river blindness</t>
  </si>
  <si>
    <t>http://www.aljazeera.com/indepth/interactive/2016/10/animation-fly-catchers-fighting-river-blindness-161012081105105.html</t>
  </si>
  <si>
    <t>The people behind Donald Trump and Hillary Clinton</t>
  </si>
  <si>
    <t>http://interactive.aljazeera.com/aje/2016/us-elections-2016-inner-circles/index.html</t>
  </si>
  <si>
    <t>The race for oil and gas in Africa</t>
  </si>
  <si>
    <t>http://www.aljazeera.com/indepth/interactive/2016/10/race-oil-gas-africa-161020104953200.html</t>
  </si>
  <si>
    <t>Calais 'Jungle' camp evacuation: Where will they go?</t>
  </si>
  <si>
    <t>http://www.aljazeera.com/indepth/interactive/2016/10/calais-jungle-camp-evacuation-map-161024141901166.html</t>
  </si>
  <si>
    <t>US elections glossary: Understanding the voting system</t>
  </si>
  <si>
    <t>http://interactive.aljazeera.com/aje/2016/us-elections-glossary/index.html#absentee-voting</t>
  </si>
  <si>
    <t>Mapping Africa's natural resources</t>
  </si>
  <si>
    <t>http://www.aljazeera.com/indepth/interactive/2016/10/mapping-africa-natural-resources-161020075811145.html</t>
  </si>
  <si>
    <t>Who got the right to vote when?</t>
  </si>
  <si>
    <t>http://interactive.aljazeera.com/aje/2016/us-elections-2016-who-can-vote/index.html</t>
  </si>
  <si>
    <t>The Americans who cannot vote</t>
  </si>
  <si>
    <t>http://interactive.aljazeera.com/aje/2016/prisoner-disenfranchisement-us-elections/index.html?34343</t>
  </si>
  <si>
    <t>America goes red</t>
  </si>
  <si>
    <t>http://interactive.aljazeera.com/aje/live-results-us-election-day-2016/index.html</t>
  </si>
  <si>
    <t>Journey of a rhino horn</t>
  </si>
  <si>
    <t>http://www.aljazeera.com/indepth/interactive/2016/11/journey-rhino-horn-161114115320075.html</t>
  </si>
  <si>
    <t>The Lungs of the Earth</t>
  </si>
  <si>
    <t>http://interactive.aljazeera.com/aje/2016/lungs-of-the-earth/index.html</t>
  </si>
  <si>
    <t>Nepal: A decade after the Maoist rebellion</t>
  </si>
  <si>
    <t>http://interactive.aljazeera.com/aje/2016/nepal-maoist-dream/index.html</t>
  </si>
  <si>
    <t>Castro: The making of a legend</t>
  </si>
  <si>
    <t>http://www.aljazeera.com/indepth/interactive/2016/11/castro-making-legend-161126133147524.html</t>
  </si>
  <si>
    <t>Babies for sale</t>
  </si>
  <si>
    <t>http://interactive.aljazeera.com/aje/2016/malaysia-babies-for-sale-101-east/index.html</t>
  </si>
  <si>
    <t>The Big 6 and the circle of poison</t>
  </si>
  <si>
    <t>http://www.aljazeera.com/indepth/interactive/2016/12/circle-poison-161204142212680.html</t>
  </si>
  <si>
    <t>Where do we spend more money?</t>
  </si>
  <si>
    <t>http://interactive.aljazeera.com/aje/2016/humanitarian-funding-un/index.html</t>
  </si>
  <si>
    <t>Philippines: Who's liable for the mounting death toll?</t>
  </si>
  <si>
    <t>http://www.aljazeera.com/indepth/interactive/2016/08/philippines-liable-mounting-death-toll-160825161242090.html</t>
  </si>
  <si>
    <t>Philippines: Death toll in Duterte's war on drugs</t>
  </si>
  <si>
    <t>http://www.aljazeera.com/indepth/interactive/2016/08/philippines-death-toll-duterte-war-drugs-160825115400719.html</t>
  </si>
  <si>
    <t>No end in sight: Boko Haram's bloody legacy</t>
  </si>
  <si>
    <t>http://www.aljazeera.com/indepth/interactive/2014/07/no-end-sight-boko-haram-bloody-legacy-201473111628517192.html</t>
  </si>
  <si>
    <t>Iraq's strongmen 10 years after Saddam Hussein</t>
  </si>
  <si>
    <t>http://www.aljazeera.com/indepth/interactive/2016/12/iraq-strongmen-10-years-saddam-hussein-161229211425350.html</t>
  </si>
  <si>
    <t>Title</t>
  </si>
  <si>
    <t>Apple unveils the iPhone 7</t>
  </si>
  <si>
    <t>http://gulfnews.com/multimedia/infographics/general/apple-unveils-the-iphone-7-1.1893509</t>
  </si>
  <si>
    <t>Shaken in the air</t>
  </si>
  <si>
    <t>http://gulfnews.com/multimedia/infographics/general/shaken-in-the-air-1.1897084</t>
  </si>
  <si>
    <t>Infographic: How self-driving cars see the road</t>
  </si>
  <si>
    <t>http://gulfnews.com/multimedia/infographics/general/how-self-driving-cars-see-the-road-1.1902234</t>
  </si>
  <si>
    <t>The wealth of black gold</t>
  </si>
  <si>
    <t>http://gulfnews.com/multimedia/infographics/general/the-wealth-of-black-gold-1.1918683</t>
  </si>
  <si>
    <t>LinkedIn: UAE's economic graph</t>
  </si>
  <si>
    <t>http://gulfnews.com/multimedia/infographics/general/linkedin-uae-s-economic-graph-1.1921597</t>
  </si>
  <si>
    <t>Expo 2020 Dubai Master plan</t>
  </si>
  <si>
    <t>http://gulfnews.com/multimedia/infographics/general/expo-2020-dubai-master-plan-1.1921985</t>
  </si>
  <si>
    <t>Infographic: US presidents through the years</t>
  </si>
  <si>
    <t>http://gulfnews.com/multimedia/infographics/general/presidents-of-the-united-states-potus-through-the-years-1.1925446</t>
  </si>
  <si>
    <t>Infographic: UAE will be the hub of the world</t>
  </si>
  <si>
    <t>http://gulfnews.com/multimedia/infographics/general/uae-will-be-the-hub-of-the-world-1.1933434</t>
  </si>
  <si>
    <t>Infographic: All about Shaikh Zayed Grand Mosque</t>
  </si>
  <si>
    <t>http://gulfnews.com/multimedia/infographics/general/shaikh-zayed-grand-mosque-a-global-landmark-1.1933437</t>
  </si>
  <si>
    <t>45 voices of love</t>
  </si>
  <si>
    <t>http://gulfnews.com/multimedia/infographics/general/45-voices-of-love-1.1935562</t>
  </si>
  <si>
    <t>Take a loop</t>
  </si>
  <si>
    <t>http://gulfnews.com/multimedia/infographics/general/take-a-loop-1.1942970</t>
  </si>
  <si>
    <t>أسعار بيع المنجات النفطية حتى أكتوبر 2016</t>
  </si>
  <si>
    <t>http://shabiba.com/article/158718/%D8%A5%D9%86%D9%81%D9%88%D8%AC%D8%B1%D8%A7%D9%81%D9%8A%D9%83/%D8%A3%D8%B3%D8%B9%D8%A7%D8%B1-%D8%A8%D9%8A%D8%B9-%D8%A7%D9%84%D9%85%D9%86%D8%AC%D8%A7%D8%AA-%D8%A7%D9%84%D9%86%D9%81%D8%B7%D9%8A%D8%A9-%D8%AD%D8%AA%D9%89-%D8%A3%D9%83%D8%AA%D9%88%D8%A8%D8%B1-2016</t>
  </si>
  <si>
    <t>إحصائيات مطارات عُمان: 2015-2016</t>
  </si>
  <si>
    <t>http://shabiba.com/article/164725/%D8%A5%D9%86%D9%81%D9%88%D8%AC%D8%B1%D8%A7%D9%81%D9%8A%D9%83/%D9%85%D8%AD%D9%84%D9%8A/%D8%A5%D8%AD%D8%B5%D8%A7%D8%A6%D9%8A%D8%A7%D8%AA-%D9%85%D8%B7%D8%A7%D8%B1%D8%A7%D8%AA-%D8%B9%D9%85%D8%A7%D9%86--2015-2016</t>
  </si>
  <si>
    <t>انفوجراف #الشبيبة : انتخابات المجالس البلدية بالأرقام</t>
  </si>
  <si>
    <t>http://shabiba.com/article/167701/%D8%A5%D9%86%D9%81%D9%88%D8%AC%D8%B1%D8%A7%D9%81%D9%8A%D9%83/%D9%85%D8%AD%D9%84%D9%8A/%D8%A7%D9%86%D9%81%D9%88%D8%AC%D8%B1%D8%A7%D9%81-#الشبيبة--انتخابات-المجالس-البلدية-بالأرقام</t>
  </si>
  <si>
    <t xml:space="preserve">date </t>
  </si>
  <si>
    <t xml:space="preserve">انفوجرافيك "الوسط"... جزيرة تشيوس هل هي يونانية أم مصرية؟
</t>
  </si>
  <si>
    <t>http://www.alwasatnews.com/news/1155097.html</t>
  </si>
  <si>
    <t xml:space="preserve">انفوجرافيك "الوسط"... تعرف على أبرز القيادات التي خسرها «داعش» منذ 2014
</t>
  </si>
  <si>
    <t>http://www.alwasatnews.com/news/1155141.html</t>
  </si>
  <si>
    <t>انفوجرافيك... أول رحلة لطائرة اميركية هبطت في كوبا... مالسبب؟</t>
  </si>
  <si>
    <t>http://www.alwasatnews.com/news/1155115.html</t>
  </si>
  <si>
    <t>انفوجرافيك "الوسط"... تعرف على أهم صفقات برشلونة في «الميركاتو الصيفي»</t>
  </si>
  <si>
    <t>http://www.alwasatnews.com/news/1155535.html</t>
  </si>
  <si>
    <t>انفوجرافيك... ما هي أسباب التوتر في الصحراء الغربية؟</t>
  </si>
  <si>
    <t>http://www.alwasatnews.com/news/1155506.html</t>
  </si>
  <si>
    <t>انفوجرافيك... قديسة جديدة... من هي؟</t>
  </si>
  <si>
    <t>http://www.alwasatnews.com/news/1155754.html</t>
  </si>
  <si>
    <t>انفوجرافيك... تعرف على إستثمارات البنك السويسوي</t>
  </si>
  <si>
    <t>http://www.alwasatnews.com/news/1155507.html</t>
  </si>
  <si>
    <t>انفوجرافيك... ما هي أسباب نقص النفط بآسيا والمحيط الهادي؟</t>
  </si>
  <si>
    <t>http://www.alwasatnews.com/news/1156380.html</t>
  </si>
  <si>
    <t xml:space="preserve">انفوجرافيك... تعرف على أرباح البنوك الصينية
</t>
  </si>
  <si>
    <t>http://www.alwasatnews.com/news/1155511.html</t>
  </si>
  <si>
    <t>انفوجرافيك... تعرف على سوق السيارات بالهند</t>
  </si>
  <si>
    <t>http://www.alwasatnews.com/news/1156392.html</t>
  </si>
  <si>
    <t>انفوجرافيك "الوسط"... من أصغر رؤساء العالم سناً؟</t>
  </si>
  <si>
    <t>http://www.alwasatnews.com/news/1156440.html</t>
  </si>
  <si>
    <t>انفوجرافيك... مالسبب في تباطأ نمو السكان في اليابان؟</t>
  </si>
  <si>
    <t>http://www.alwasatnews.com/news/1156715.html</t>
  </si>
  <si>
    <t>انفوجرافيك... ماذا تعرف عن مسلمي الروهينجا في ميانمار</t>
  </si>
  <si>
    <t>http://www.alwasatnews.com/news/1156725.html</t>
  </si>
  <si>
    <t>انفوجرافيك... ما هو المسبار فيلة؟</t>
  </si>
  <si>
    <t>http://www.alwasatnews.com/news/1156752.html</t>
  </si>
  <si>
    <t>انفوجرافيك "الوسط"... ماذا تعرف عن مجموعة العشرين؟</t>
  </si>
  <si>
    <t>http://www.alwasatnews.com/news/1156774.html</t>
  </si>
  <si>
    <t>انفوجرافيك... الانتخابات التشريعية في هونغ كونغ 2016... من ستتوقع يفوز؟</t>
  </si>
  <si>
    <t>http://www.alwasatnews.com/news/1156778.html</t>
  </si>
  <si>
    <t>#انفوجرافيك ... تعرف على أسباب حرائق الغابات في #اسبانيا</t>
  </si>
  <si>
    <t>http://www.alwasatnews.com/news/1157064.html</t>
  </si>
  <si>
    <t>#انفوجرافيك ... ماذا عثرت رحلة مركبة #الفضاء رشيد؟</t>
  </si>
  <si>
    <t>http://www.alwasatnews.com/news/1157069.html</t>
  </si>
  <si>
    <t>#انفوجرافيك "الوسط"... المعايير التي استند إليها تصنيف «QS» في ترتيب جامعتي «الخليج العربي» و «البحرين» في قائمة أفضل الجامعات في العالم</t>
  </si>
  <si>
    <t>http://www.alwasatnews.com/news/1157130.html</t>
  </si>
  <si>
    <t>#انفوجرافيك ... تعرف على السياحة في ميانمار.. بعد الزلزال</t>
  </si>
  <si>
    <t>http://www.alwasatnews.com/news/1157143.html</t>
  </si>
  <si>
    <t>#انفوجرافيك ... ما نوع العلاقة بين اميركا والفلبين والصين؟</t>
  </si>
  <si>
    <t>http://www.alwasatnews.com/news/1157421.html</t>
  </si>
  <si>
    <t>#انفوجرافيك "الوسط"... ماذا تعرف عن مميزات iPhone7 ؟</t>
  </si>
  <si>
    <t>http://www.alwasatnews.com/news/1157475.html</t>
  </si>
  <si>
    <t>#انفوجرافيك ... مقارنة بين أحدث إصدرات #أبل ... تعرّف عليها؟</t>
  </si>
  <si>
    <t>http://www.alwasatnews.com/news/1157477.html</t>
  </si>
  <si>
    <t>#انفوجرافيك ... تعرف على أضخم توربينات الرياح في العالم</t>
  </si>
  <si>
    <t>http://www.alwasatnews.com/news/1157732.html</t>
  </si>
  <si>
    <t>انفوجرافيك ... تزايد زيارات الاميركيين لكوبا... لماذا؟</t>
  </si>
  <si>
    <t>http://www.alwasatnews.com/news/1157733.html</t>
  </si>
  <si>
    <t>#انفوجرافيك ... السعودية وإيران وحدهما القادرتان على زيادة إنتاج النفط... لماذا؟</t>
  </si>
  <si>
    <t>http://www.alwasatnews.com/news/1157736.html</t>
  </si>
  <si>
    <t>#انفوجرافيك ... حصيلة التفجيرات النووية في كوريا الشمالية... ماهي؟</t>
  </si>
  <si>
    <t>http://www.alwasatnews.com/news/1157773.html</t>
  </si>
  <si>
    <t>#انفوجرافيك ... تعرف على المنشآت النووية في كوريا الشمالية</t>
  </si>
  <si>
    <t>http://www.alwasatnews.com/news/1157777.html</t>
  </si>
  <si>
    <t>#انفوجرافيك "الوسط"... ساعتان غيرتا وجه العالم في 11 سبتمبر 2001... ماذا جرى؟</t>
  </si>
  <si>
    <t>http://www.alwasatnews.com/news/1158268.html</t>
  </si>
  <si>
    <t>#انفوجرافيك ... ماهو السلاح النووي؟</t>
  </si>
  <si>
    <t>http://www.alwasatnews.com/news/1158231.html</t>
  </si>
  <si>
    <t>انفوجرافيك... إعصار ميرانتي... ما هي أضراره؟</t>
  </si>
  <si>
    <t>http://www.alwasatnews.com/news/1159221.html</t>
  </si>
  <si>
    <t>انفوجرافيك... كيف يمكن انتاج البلوتونيوم؟</t>
  </si>
  <si>
    <t>http://www.alwasatnews.com/news/1159249.html</t>
  </si>
  <si>
    <t>انفوجرافيك... الصراع على اليمن... أين وصل؟</t>
  </si>
  <si>
    <t>http://www.alwasatnews.com/news/1159271.html</t>
  </si>
  <si>
    <t>انفوجرافيك "الوسط"... نصائح لحمل حقيبة مدرسية صحية... تعرف عليها</t>
  </si>
  <si>
    <t>http://www.alwasatnews.com/news/1159274.html</t>
  </si>
  <si>
    <t>انفوجرافيك... ماذا تعرف عن الديون المتعثرة لدول الاتحاد الأوروبي؟</t>
  </si>
  <si>
    <t>http://www.alwasatnews.com/news/1159272.html</t>
  </si>
  <si>
    <t>انفوجرافيك... صحة المرشحين للانتخابات الاميركية... هل هي في خطر؟</t>
  </si>
  <si>
    <t>http://www.alwasatnews.com/news/1159931.html</t>
  </si>
  <si>
    <t>انفوجرافيك "الوسط"... أهمية النوم المبكر للطلاب... تعرف عليها</t>
  </si>
  <si>
    <t>http://www.alwasatnews.com/news/1159992.html</t>
  </si>
  <si>
    <t>انفوجرافيك... تعرف على نتائج سباق جائزة سنغافورة الكبرى فورمولا1</t>
  </si>
  <si>
    <t>http://www.alwasatnews.com/news/1160306.html</t>
  </si>
  <si>
    <t>انفوجرافيك... انفجار نيويورك... من قام بالتفجير؟</t>
  </si>
  <si>
    <t>http://www.alwasatnews.com/news/1160340.html</t>
  </si>
  <si>
    <t>انفوجرافيك "الوسط"... معركة سورية... بين روسيا واميركا... هل تستمر "الهدنة"؟</t>
  </si>
  <si>
    <t>http://www.alwasatnews.com/news/1160394.html</t>
  </si>
  <si>
    <t>انفوجرافيك... تعرف على واردات مصر من القمح</t>
  </si>
  <si>
    <t>http://www.alwasatnews.com/news/1160673.html</t>
  </si>
  <si>
    <t>انفوجرافيك "الوسط"... ما هي رؤية البحرين 2030؟</t>
  </si>
  <si>
    <t>http://www.alwasatnews.com/news/1160679.html</t>
  </si>
  <si>
    <t>انفوجرافيك "الوسط"... تصنيف الفيفا للمنتخبات الخليجية 2016... شاهد أين تقع البحرين؟</t>
  </si>
  <si>
    <t>http://www.alwasatnews.com/news/1160711.html</t>
  </si>
  <si>
    <t>انفوجرافيك... تعرف على مواقع المهاجرين في اليونان</t>
  </si>
  <si>
    <t>http://www.alwasatnews.com/news/1160999.html</t>
  </si>
  <si>
    <t>انفوجرافيك "الوسط"... أكثر المدن في التنمية المستدامة في العالم 2016... ماهي؟</t>
  </si>
  <si>
    <t>http://www.alwasatnews.com/news/1161054.html</t>
  </si>
  <si>
    <t>انفوجرافيك... الوفيات في سورية بسبب الحرب... كم هي أعدادها؟</t>
  </si>
  <si>
    <t>http://www.alwasatnews.com/news/1161390.html</t>
  </si>
  <si>
    <t>انفوجرافيك "الوسط"... ماهي أكثر الدول العربية ازدهاراً؟</t>
  </si>
  <si>
    <t>http://www.alwasatnews.com/news/1161420.html</t>
  </si>
  <si>
    <t>انفوجرافيك... انتاج الصين من الصلب... كم وصل؟</t>
  </si>
  <si>
    <t>http://www.alwasatnews.com/news/1161401.html</t>
  </si>
  <si>
    <t>انفوجرافيك... تعرّف على الاستثمارات الاجنبية للاتحاد الاوروبي</t>
  </si>
  <si>
    <t>http://www.alwasatnews.com/news/1161399.html</t>
  </si>
  <si>
    <t>انفوجرافيك... تعرّف على الدول الأكثر نمواً في العالم</t>
  </si>
  <si>
    <t>http://www.alwasatnews.com/news/1161721.html</t>
  </si>
  <si>
    <t>انفوجرافيك... المركبة رشيد تنهي مهمتها الفضائية... ما هي أهداف الرحلة؟</t>
  </si>
  <si>
    <t>http://www.alwasatnews.com/news/1161738.html</t>
  </si>
  <si>
    <t>انفوجرافيك... تويتر تبحث بيعها</t>
  </si>
  <si>
    <t>http://www.alwasatnews.com/news/1162340.html</t>
  </si>
  <si>
    <t>انفوجرافيك... استطلاع... من سيفوز ترامب او هيلاري؟</t>
  </si>
  <si>
    <t>http://www.alwasatnews.com/news/1162374.html</t>
  </si>
  <si>
    <t>انفوجرافيك... من المسيطر على المنشآت النفطية في ليبيا؟</t>
  </si>
  <si>
    <t>http://www.alwasatnews.com/news/1162425.html</t>
  </si>
  <si>
    <t>انفوجرافيك "الوسط"... 17 مليون حالة وفاة سنوية بسبب أمراض القلب... ما الأسباب؟</t>
  </si>
  <si>
    <t>http://www.alwasatnews.com/news/1162751.html</t>
  </si>
  <si>
    <t>انفوجرافيك... اطلاق نار في واشنطن... كيف حصل ذلك؟</t>
  </si>
  <si>
    <t>http://www.alwasatnews.com/news/1162759.html</t>
  </si>
  <si>
    <t>انفوجرافيك "الوسط"... الولايات المتحدة تترقب مناظرة بين هيلاري وترامب بفارغ الصبر</t>
  </si>
  <si>
    <t>http://www.alwasatnews.com/news/1162831.html</t>
  </si>
  <si>
    <t>انفوجرافيك... وفاة ملك الجولف أرنولد بالمر... تعرّف على أهم انجازاته</t>
  </si>
  <si>
    <t>http://www.alwasatnews.com/news/1162833.html</t>
  </si>
  <si>
    <t>انفوجرافيك... من له السيطرة على شمال العراق؟</t>
  </si>
  <si>
    <t>http://www.alwasatnews.com/news/1163125.html</t>
  </si>
  <si>
    <t>انفوجرافيك... ارتفاع جرائم العنف في اميركا... مالسبب؟</t>
  </si>
  <si>
    <t>http://www.alwasatnews.com/news/1163131.html</t>
  </si>
  <si>
    <t>انفوجرافيك... ما هو الصراع الياباني الروسي؟</t>
  </si>
  <si>
    <t>http://www.alwasatnews.com/news/1163172.html</t>
  </si>
  <si>
    <t>انفوجرافيك "الوسط"... النقاط الرئيسية في المناظرة الرئاسية الأولى بين كلينتون وترامب... ماذا حدث؟</t>
  </si>
  <si>
    <t>http://www.alwasatnews.com/news/1163191.html</t>
  </si>
  <si>
    <t>انفوجرافيك... الجماعات المتمردة في كولومبيا... كيف نشأ الصراع؟</t>
  </si>
  <si>
    <t>http://www.alwasatnews.com/news/1163174.html</t>
  </si>
  <si>
    <t>انفوجرافيك... فرنسا ستغلق مخيم كاليه للاجئين... لماذا؟</t>
  </si>
  <si>
    <t>http://www.alwasatnews.com/news/1163132.html</t>
  </si>
  <si>
    <t>انفوجرافيك... تعرف الأعلى مشاهدة في المناظرات التلفزيونية الأميركية</t>
  </si>
  <si>
    <t>http://www.alwasatnews.com/news/1163479.html</t>
  </si>
  <si>
    <t>انفوجرافيك... تعرف على ضحايا الصراع في كولومبيا</t>
  </si>
  <si>
    <t>http://www.alwasatnews.com/news/1163175.html</t>
  </si>
  <si>
    <t>انفوجرافيك... من سيحسم السيطرة على حلب؟</t>
  </si>
  <si>
    <t>http://www.alwasatnews.com/news/1163480.html</t>
  </si>
  <si>
    <t>انفوجرافيك "الوسط"... المحطات الأساسية في حياة بيريز</t>
  </si>
  <si>
    <t>http://www.alwasatnews.com/news/1163530.html</t>
  </si>
  <si>
    <t>انفوجرافيك... صاروخ بوك الروسي الذي أسقط الطائرة الماليزية على أوكرانيا... ماذا تعرف عنه؟</t>
  </si>
  <si>
    <t>http://www.alwasatnews.com/news/1163902.html</t>
  </si>
  <si>
    <t>انفوجرافيك... تعرف على الإعصار ميجي</t>
  </si>
  <si>
    <t>http://www.alwasatnews.com/news/1163915.html</t>
  </si>
  <si>
    <t>انفوجرافيك "الوسط"... جريمة الحرب وكيف يتم الحكم فيها؟... تعرف عليها؟</t>
  </si>
  <si>
    <t>http://www.alwasatnews.com/news/1163987.html</t>
  </si>
  <si>
    <t>انفوجرافيك "الوسط"... استطلاع حول المناظرة الانتخابية الاميركية</t>
  </si>
  <si>
    <t>http://www.alwasatnews.com/news/1164278.html</t>
  </si>
  <si>
    <t>انفوجرافيك... اشتباكات في كشمير... ماهي أسبابها؟</t>
  </si>
  <si>
    <t>http://www.alwasatnews.com/news/1164279.html</t>
  </si>
  <si>
    <t>انفوجرافيك... كيف حدث اصطدام قطار هوبوكن بنيوجيرزي الاميركية</t>
  </si>
  <si>
    <t>http://www.alwasatnews.com/news/1164281.html</t>
  </si>
  <si>
    <t>انفوجرافيك... ماذا يطالب به الانفصاليون في اقليم بلوخستان الباكستاني</t>
  </si>
  <si>
    <t>http://www.alwasatnews.com/news/1164284.html</t>
  </si>
  <si>
    <t>انفوجرافيك... انهيار أرضي في الصين... ماهي أسبابه؟</t>
  </si>
  <si>
    <t>http://www.alwasatnews.com/news/1164283.html</t>
  </si>
  <si>
    <t>انفوجرافيك... تعرف على سباق جائزة ماليزيا الكبرى فورمولا1</t>
  </si>
  <si>
    <t>http://www.alwasatnews.com/news/1164542.html</t>
  </si>
  <si>
    <t>انفوجرافيك "الوسط"... التدخل الروسي في سورية... هل قلب الموازين؟</t>
  </si>
  <si>
    <t>http://www.alwasatnews.com/news/1164609.html</t>
  </si>
  <si>
    <t>انفوجرافيك... ما هو التهديد الذي سيحدثه سوق تسوكيجي للأسماك في أولمبياد اليابان 2020؟</t>
  </si>
  <si>
    <t>http://www.alwasatnews.com/news/1164544.html</t>
  </si>
  <si>
    <t>انفوجرافيك... من الفائز بسباق جائزة ماليزيا الكبرى فورمولا1؟</t>
  </si>
  <si>
    <t>http://www.alwasatnews.com/news/1165141.html</t>
  </si>
  <si>
    <t>انفوجرافيك "الوسط"... ماذا تعرف عن جائزة نوبل؟</t>
  </si>
  <si>
    <t>http://www.alwasatnews.com/news/1165255.html</t>
  </si>
  <si>
    <t>انفوجرافيك... ماهي الأحزاب المناهضة للاتحاد الأوروبي؟</t>
  </si>
  <si>
    <t>http://www.alwasatnews.com/news/1165538.html</t>
  </si>
  <si>
    <t>انفوجرافيك... الهجوم الإرهابي على باريس... برأيك هل تأثرت سياحياً؟</t>
  </si>
  <si>
    <t>http://www.alwasatnews.com/news/1165539.html</t>
  </si>
  <si>
    <t>انفوجرافيك "الوسط"... الفائزون بجائزة نوبل للطب في 10 سنوات... تعرّف عليهم</t>
  </si>
  <si>
    <t>http://www.alwasatnews.com/news/1165617.html</t>
  </si>
  <si>
    <t>انفوجرافيك... إحصاءات جمع الضرائب الهندية... كيف يتم الكشف عنها؟</t>
  </si>
  <si>
    <t>http://www.alwasatnews.com/news/1165553.html</t>
  </si>
  <si>
    <t>انفوجرافيك... تعرف على الأعضاء الرئيسيين في انتاج النفط الخام؟</t>
  </si>
  <si>
    <t>http://www.alwasatnews.com/news/1165542.html</t>
  </si>
  <si>
    <t>انفوجرافيك... 90 % فاعلية كثاقة الشحن العالمي... ماذا يعني ذلك؟</t>
  </si>
  <si>
    <t>http://www.alwasatnews.com/news/1165885.html</t>
  </si>
  <si>
    <t>انفوجرافيك "الوسط"... الفائزون بجائزة نوبل للفيزياء 2016... تعرّف عليهم</t>
  </si>
  <si>
    <t>http://www.alwasatnews.com/news/1165962.html</t>
  </si>
  <si>
    <t>انفوجرافيك... طالبان تعيد انتشارها في افغانستان... مالسبب؟</t>
  </si>
  <si>
    <t>http://www.alwasatnews.com/news/1165938.html</t>
  </si>
  <si>
    <t>انفوجرافيك... من فاز بجائزة نوبل للطب 2016؟</t>
  </si>
  <si>
    <t>http://www.alwasatnews.com/news/1165886.html</t>
  </si>
  <si>
    <t>انفوجرافيك... ماحجم واردات الصين من الحديد الخام؟</t>
  </si>
  <si>
    <t>http://www.alwasatnews.com/news/1165554.html</t>
  </si>
  <si>
    <t>انفوجرافيك... افلاس الاتحاد الأوربي... هل نكون في مأمن منه؟</t>
  </si>
  <si>
    <t>http://www.alwasatnews.com/news/1166272.html</t>
  </si>
  <si>
    <t>انفوجرافيك "الوسط"... الفائزون بجائزة نوبل للكيمياء 2016... تعرّف عليهم</t>
  </si>
  <si>
    <t>http://www.alwasatnews.com/news/1166314.html</t>
  </si>
  <si>
    <t>انفوجرافيك... من فاز بجائزة نوبل للفيزياء 2016؟</t>
  </si>
  <si>
    <t>http://www.alwasatnews.com/news/1165884.html</t>
  </si>
  <si>
    <t>انفوجرافيك... من فاز بجائزة نوبل في الكيمياء 2016؟</t>
  </si>
  <si>
    <t>http://www.alwasatnews.com/news/1166238.html</t>
  </si>
  <si>
    <t>انفوجرافيك... الحيوانات المهددة بالانقراض... ماهي؟</t>
  </si>
  <si>
    <t>http://www.alwasatnews.com/news/1165883.html</t>
  </si>
  <si>
    <t>انفوجرافيك... ماهي توقعات أسواق الأسهم العالمية في 2016؟</t>
  </si>
  <si>
    <t>http://www.alwasatnews.com/news/1166275.html</t>
  </si>
  <si>
    <t>انفوجرافيك "الوسط"... ثلاثة مشاريع فضائية كبرى تشغل العالم بعد انتهاء مهمة «روزيتا»... ماهي؟</t>
  </si>
  <si>
    <t>http://www.alwasatnews.com/news/1166291.html</t>
  </si>
  <si>
    <t>انفوجرافيك... ما حجم الدمار الذي أحدثه إعصار ماثيو؟</t>
  </si>
  <si>
    <t>http://www.alwasatnews.com/news/1167456.html</t>
  </si>
  <si>
    <t>انفوجرافيك... تعرف على نتائج سباق جائزة اليابان الكبرى فورمولا1</t>
  </si>
  <si>
    <t>http://www.alwasatnews.com/news/1167477.html</t>
  </si>
  <si>
    <t>انفوجرافيك... تعرف على أهم الاستثمارات في الانترنت</t>
  </si>
  <si>
    <t>http://www.alwasatnews.com/news/1167535.html</t>
  </si>
  <si>
    <t>انفوجرافيك... تعرف على حجم المساعدات العسكرية التي تقدمها اميركا للفلبين</t>
  </si>
  <si>
    <t>http://www.alwasatnews.com/news/1167497.html</t>
  </si>
  <si>
    <t>انفوجرافيك... 3600 شخص قتل بسبب المخدرات في الفلبين... ماهي الأسباب؟</t>
  </si>
  <si>
    <t>http://www.alwasatnews.com/news/1167524.html</t>
  </si>
  <si>
    <t>انفوجرافيك... تعرف على أهم العواصف في المحيط الأطلسي</t>
  </si>
  <si>
    <t>http://www.alwasatnews.com/news/1167529.html</t>
  </si>
  <si>
    <t>انفوجرافيك... ماهي آلية الاتحاد الأوروبي لنقل اللاجئين؟</t>
  </si>
  <si>
    <t>http://www.alwasatnews.com/news/1168414.html</t>
  </si>
  <si>
    <t>انفوجرافيك... 27 مليار دولار يدفعها رويال بنك أوف سكوتلاند... مالسبب؟</t>
  </si>
  <si>
    <t>http://www.alwasatnews.com/news/1168474.html</t>
  </si>
  <si>
    <t>انفوجرافيك "الوسط"... موسكو تنشئ قاعدة بحرية دائمة في طرطوس... ماهي أهدافها؟</t>
  </si>
  <si>
    <t>http://www.alwasatnews.com/news/1168507.html</t>
  </si>
  <si>
    <t>انفوجرافيك... ماذا تعرف عن سوق الإسكان في التشيك؟</t>
  </si>
  <si>
    <t>http://www.alwasatnews.com/news/1168475.html</t>
  </si>
  <si>
    <t>انفوجرافيك... 140000 مهاجر وصلوا إلى إيطاليا... تعرف على جنسياتهم؟</t>
  </si>
  <si>
    <t>http://www.alwasatnews.com/news/1167531.html</t>
  </si>
  <si>
    <t>انفوجرافيك... ماذا تعرف عن العائلة الملكية في تايلند؟</t>
  </si>
  <si>
    <t>http://www.alwasatnews.com/news/1168770.html</t>
  </si>
  <si>
    <t>انفوجرافيك "الوسط"... الفائزون بجائزة نوبل للآداب 2016... تعرّف عليهم</t>
  </si>
  <si>
    <t>http://www.alwasatnews.com/news/1168817.html</t>
  </si>
  <si>
    <t>انفوجرافيك... تعرف على أهم الشركات المهيمنة على مبيعات التجزئة على الانترنت</t>
  </si>
  <si>
    <t>http://www.alwasatnews.com/news/1167534.html</t>
  </si>
  <si>
    <t>انفوجرافيك... معركة حلب... من المنتصر؟</t>
  </si>
  <si>
    <t>http://www.alwasatnews.com/news/1169061.html</t>
  </si>
  <si>
    <t>انفوجرافيك... ماهي المعايير التي تقلق مصانع الملابس في بنغلاديش... تعرف عليها؟</t>
  </si>
  <si>
    <t>http://www.alwasatnews.com/news/1168772.html</t>
  </si>
  <si>
    <t>انفوجرافيك "الوسط"... ماهي الشركات الأعلى قيمة في العالم؟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" x14ac:knownFonts="1">
    <font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0" fontId="0" fillId="0" borderId="0" xfId="0" applyAlignment="1">
      <alignment wrapText="1"/>
    </xf>
    <xf numFmtId="14" fontId="0" fillId="0" borderId="0" xfId="0" applyNumberFormat="1" applyAlignment="1">
      <alignment wrapText="1"/>
    </xf>
    <xf numFmtId="14" fontId="0" fillId="0" borderId="0" xfId="0" applyNumberFormat="1"/>
    <xf numFmtId="0" fontId="0" fillId="2" borderId="0" xfId="0" applyFill="1" applyAlignment="1">
      <alignment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224"/>
  <sheetViews>
    <sheetView topLeftCell="A202" workbookViewId="0"/>
  </sheetViews>
  <sheetFormatPr defaultRowHeight="15" x14ac:dyDescent="0.25"/>
  <cols>
    <col min="1" max="1" width="26.42578125" style="1" customWidth="1"/>
    <col min="2" max="2" width="10.7109375" style="1" bestFit="1" customWidth="1"/>
    <col min="3" max="3" width="175.5703125" style="1" customWidth="1"/>
  </cols>
  <sheetData>
    <row r="1" spans="1:3" x14ac:dyDescent="0.25">
      <c r="A1" s="1" t="s">
        <v>0</v>
      </c>
      <c r="B1" s="1" t="s">
        <v>1</v>
      </c>
      <c r="C1" s="1" t="s">
        <v>2</v>
      </c>
    </row>
    <row r="2" spans="1:3" ht="30" x14ac:dyDescent="0.25">
      <c r="A2" s="1" t="s">
        <v>4</v>
      </c>
      <c r="B2" s="2">
        <v>42614</v>
      </c>
      <c r="C2" s="1" t="s">
        <v>3</v>
      </c>
    </row>
    <row r="3" spans="1:3" ht="30" x14ac:dyDescent="0.25">
      <c r="A3" s="1" t="s">
        <v>5</v>
      </c>
      <c r="B3" s="2">
        <v>42614</v>
      </c>
      <c r="C3" s="1" t="s">
        <v>6</v>
      </c>
    </row>
    <row r="4" spans="1:3" ht="45" x14ac:dyDescent="0.25">
      <c r="A4" s="1" t="s">
        <v>7</v>
      </c>
      <c r="B4" s="2">
        <v>42614</v>
      </c>
      <c r="C4" s="1" t="s">
        <v>8</v>
      </c>
    </row>
    <row r="5" spans="1:3" ht="45" x14ac:dyDescent="0.25">
      <c r="A5" s="1" t="s">
        <v>9</v>
      </c>
      <c r="B5" s="2">
        <v>42615</v>
      </c>
      <c r="C5" s="1" t="s">
        <v>10</v>
      </c>
    </row>
    <row r="6" spans="1:3" ht="30" x14ac:dyDescent="0.25">
      <c r="A6" s="1" t="s">
        <v>11</v>
      </c>
      <c r="B6" s="2">
        <v>42615</v>
      </c>
      <c r="C6" s="1" t="s">
        <v>12</v>
      </c>
    </row>
    <row r="7" spans="1:3" ht="30" x14ac:dyDescent="0.25">
      <c r="A7" s="1" t="s">
        <v>13</v>
      </c>
      <c r="B7" s="2">
        <v>42615</v>
      </c>
      <c r="C7" s="1" t="s">
        <v>14</v>
      </c>
    </row>
    <row r="8" spans="1:3" ht="45" x14ac:dyDescent="0.25">
      <c r="A8" s="1" t="s">
        <v>15</v>
      </c>
      <c r="B8" s="2">
        <v>42616</v>
      </c>
      <c r="C8" s="1" t="s">
        <v>16</v>
      </c>
    </row>
    <row r="9" spans="1:3" ht="45" x14ac:dyDescent="0.25">
      <c r="A9" s="1" t="s">
        <v>17</v>
      </c>
      <c r="B9" s="2">
        <v>42616</v>
      </c>
      <c r="C9" s="1" t="s">
        <v>18</v>
      </c>
    </row>
    <row r="10" spans="1:3" ht="45" x14ac:dyDescent="0.25">
      <c r="A10" s="1" t="s">
        <v>19</v>
      </c>
      <c r="B10" s="2">
        <v>42616</v>
      </c>
      <c r="C10" s="1" t="s">
        <v>20</v>
      </c>
    </row>
    <row r="11" spans="1:3" ht="30" x14ac:dyDescent="0.25">
      <c r="A11" s="1" t="s">
        <v>21</v>
      </c>
      <c r="B11" s="2">
        <v>42616</v>
      </c>
      <c r="C11" s="1" t="s">
        <v>22</v>
      </c>
    </row>
    <row r="12" spans="1:3" ht="30" x14ac:dyDescent="0.25">
      <c r="A12" s="1" t="s">
        <v>23</v>
      </c>
      <c r="B12" s="2">
        <v>42616</v>
      </c>
      <c r="C12" s="1" t="s">
        <v>24</v>
      </c>
    </row>
    <row r="13" spans="1:3" ht="30" x14ac:dyDescent="0.25">
      <c r="A13" s="1" t="s">
        <v>25</v>
      </c>
      <c r="B13" s="2">
        <v>42617</v>
      </c>
      <c r="C13" s="1" t="s">
        <v>26</v>
      </c>
    </row>
    <row r="14" spans="1:3" ht="30" x14ac:dyDescent="0.25">
      <c r="A14" s="1" t="s">
        <v>27</v>
      </c>
      <c r="B14" s="2">
        <v>42617</v>
      </c>
      <c r="C14" s="1" t="s">
        <v>28</v>
      </c>
    </row>
    <row r="15" spans="1:3" ht="30" x14ac:dyDescent="0.25">
      <c r="A15" s="1" t="s">
        <v>29</v>
      </c>
      <c r="B15" s="2">
        <v>42618</v>
      </c>
      <c r="C15" s="1" t="s">
        <v>30</v>
      </c>
    </row>
    <row r="16" spans="1:3" ht="45" x14ac:dyDescent="0.25">
      <c r="A16" s="1" t="s">
        <v>31</v>
      </c>
      <c r="B16" s="2">
        <v>42618</v>
      </c>
      <c r="C16" s="1" t="s">
        <v>32</v>
      </c>
    </row>
    <row r="17" spans="1:3" ht="30" x14ac:dyDescent="0.25">
      <c r="A17" s="1" t="s">
        <v>33</v>
      </c>
      <c r="B17" s="2">
        <v>42618</v>
      </c>
      <c r="C17" s="1" t="s">
        <v>34</v>
      </c>
    </row>
    <row r="18" spans="1:3" ht="45" x14ac:dyDescent="0.25">
      <c r="A18" s="1" t="s">
        <v>35</v>
      </c>
      <c r="B18" s="2">
        <v>42618</v>
      </c>
      <c r="C18" s="1" t="s">
        <v>36</v>
      </c>
    </row>
    <row r="19" spans="1:3" ht="45" x14ac:dyDescent="0.25">
      <c r="A19" s="1" t="s">
        <v>37</v>
      </c>
      <c r="B19" s="2">
        <v>42619</v>
      </c>
      <c r="C19" s="1" t="s">
        <v>38</v>
      </c>
    </row>
    <row r="20" spans="1:3" ht="45" x14ac:dyDescent="0.25">
      <c r="A20" s="1" t="s">
        <v>39</v>
      </c>
      <c r="B20" s="2">
        <v>42620</v>
      </c>
      <c r="C20" s="1" t="s">
        <v>40</v>
      </c>
    </row>
    <row r="21" spans="1:3" ht="30" x14ac:dyDescent="0.25">
      <c r="A21" s="1" t="s">
        <v>41</v>
      </c>
      <c r="B21" s="2">
        <v>42620</v>
      </c>
      <c r="C21" s="1" t="s">
        <v>42</v>
      </c>
    </row>
    <row r="22" spans="1:3" ht="60" x14ac:dyDescent="0.25">
      <c r="A22" s="1" t="s">
        <v>43</v>
      </c>
      <c r="B22" s="2">
        <v>42621</v>
      </c>
      <c r="C22" s="1" t="s">
        <v>44</v>
      </c>
    </row>
    <row r="23" spans="1:3" ht="45" x14ac:dyDescent="0.25">
      <c r="A23" s="1" t="s">
        <v>45</v>
      </c>
      <c r="B23" s="2">
        <v>42622</v>
      </c>
      <c r="C23" s="1" t="s">
        <v>46</v>
      </c>
    </row>
    <row r="24" spans="1:3" ht="30" x14ac:dyDescent="0.25">
      <c r="A24" s="1" t="s">
        <v>47</v>
      </c>
      <c r="B24" s="2">
        <v>42622</v>
      </c>
      <c r="C24" s="1" t="s">
        <v>48</v>
      </c>
    </row>
    <row r="25" spans="1:3" ht="45" x14ac:dyDescent="0.25">
      <c r="A25" s="1" t="s">
        <v>49</v>
      </c>
      <c r="B25" s="2">
        <v>42623</v>
      </c>
      <c r="C25" s="1" t="s">
        <v>50</v>
      </c>
    </row>
    <row r="26" spans="1:3" ht="45" x14ac:dyDescent="0.25">
      <c r="A26" s="1" t="s">
        <v>51</v>
      </c>
      <c r="B26" s="2">
        <v>42624</v>
      </c>
      <c r="C26" s="1" t="s">
        <v>52</v>
      </c>
    </row>
    <row r="27" spans="1:3" ht="30" x14ac:dyDescent="0.25">
      <c r="A27" s="1" t="s">
        <v>53</v>
      </c>
      <c r="B27" s="2">
        <v>42624</v>
      </c>
      <c r="C27" s="1" t="s">
        <v>54</v>
      </c>
    </row>
    <row r="28" spans="1:3" ht="45" x14ac:dyDescent="0.25">
      <c r="A28" s="1" t="s">
        <v>55</v>
      </c>
      <c r="B28" s="2">
        <v>42624</v>
      </c>
      <c r="C28" s="1" t="s">
        <v>56</v>
      </c>
    </row>
    <row r="29" spans="1:3" ht="30" x14ac:dyDescent="0.25">
      <c r="A29" s="1" t="s">
        <v>57</v>
      </c>
      <c r="B29" s="2">
        <v>42624</v>
      </c>
      <c r="C29" s="1" t="s">
        <v>58</v>
      </c>
    </row>
    <row r="30" spans="1:3" ht="30" x14ac:dyDescent="0.25">
      <c r="A30" s="1" t="s">
        <v>59</v>
      </c>
      <c r="B30" s="2">
        <v>42625</v>
      </c>
      <c r="C30" s="1" t="s">
        <v>60</v>
      </c>
    </row>
    <row r="31" spans="1:3" ht="30" x14ac:dyDescent="0.25">
      <c r="A31" s="1" t="s">
        <v>61</v>
      </c>
      <c r="B31" s="2">
        <v>42626</v>
      </c>
      <c r="C31" s="1" t="s">
        <v>62</v>
      </c>
    </row>
    <row r="32" spans="1:3" ht="45" x14ac:dyDescent="0.25">
      <c r="A32" s="1" t="s">
        <v>63</v>
      </c>
      <c r="B32" s="2">
        <v>42627</v>
      </c>
      <c r="C32" s="1" t="s">
        <v>64</v>
      </c>
    </row>
    <row r="33" spans="1:3" ht="45" x14ac:dyDescent="0.25">
      <c r="A33" s="1" t="s">
        <v>65</v>
      </c>
      <c r="B33" s="2">
        <v>42628</v>
      </c>
      <c r="C33" s="1" t="s">
        <v>66</v>
      </c>
    </row>
    <row r="34" spans="1:3" ht="45" x14ac:dyDescent="0.25">
      <c r="A34" s="1" t="s">
        <v>67</v>
      </c>
      <c r="B34" s="2">
        <v>42629</v>
      </c>
      <c r="C34" s="1" t="s">
        <v>68</v>
      </c>
    </row>
    <row r="35" spans="1:3" ht="45" x14ac:dyDescent="0.25">
      <c r="A35" s="1" t="s">
        <v>69</v>
      </c>
      <c r="B35" s="2">
        <v>42630</v>
      </c>
      <c r="C35" s="1" t="s">
        <v>70</v>
      </c>
    </row>
    <row r="36" spans="1:3" ht="30" x14ac:dyDescent="0.25">
      <c r="A36" s="1" t="s">
        <v>71</v>
      </c>
      <c r="B36" s="2">
        <v>42630</v>
      </c>
      <c r="C36" s="1" t="s">
        <v>72</v>
      </c>
    </row>
    <row r="37" spans="1:3" ht="30" x14ac:dyDescent="0.25">
      <c r="A37" s="1" t="s">
        <v>73</v>
      </c>
      <c r="B37" s="2">
        <v>42630</v>
      </c>
      <c r="C37" s="1" t="s">
        <v>74</v>
      </c>
    </row>
    <row r="38" spans="1:3" ht="45" x14ac:dyDescent="0.25">
      <c r="A38" s="1" t="s">
        <v>75</v>
      </c>
      <c r="B38" s="2">
        <v>42631</v>
      </c>
      <c r="C38" s="1" t="s">
        <v>76</v>
      </c>
    </row>
    <row r="39" spans="1:3" ht="30" x14ac:dyDescent="0.25">
      <c r="A39" s="1" t="s">
        <v>77</v>
      </c>
      <c r="B39" s="2">
        <v>42631</v>
      </c>
      <c r="C39" s="1" t="s">
        <v>78</v>
      </c>
    </row>
    <row r="40" spans="1:3" ht="45" x14ac:dyDescent="0.25">
      <c r="A40" s="1" t="s">
        <v>79</v>
      </c>
      <c r="B40" s="2">
        <v>42632</v>
      </c>
      <c r="C40" s="1" t="s">
        <v>80</v>
      </c>
    </row>
    <row r="41" spans="1:3" ht="45" x14ac:dyDescent="0.25">
      <c r="A41" s="1" t="s">
        <v>81</v>
      </c>
      <c r="B41" s="2">
        <v>42633</v>
      </c>
      <c r="C41" s="1" t="s">
        <v>82</v>
      </c>
    </row>
    <row r="42" spans="1:3" ht="60" x14ac:dyDescent="0.25">
      <c r="A42" s="1" t="s">
        <v>83</v>
      </c>
      <c r="B42" s="2">
        <v>42634</v>
      </c>
      <c r="C42" s="1" t="s">
        <v>84</v>
      </c>
    </row>
    <row r="43" spans="1:3" ht="45" x14ac:dyDescent="0.25">
      <c r="A43" s="1" t="s">
        <v>85</v>
      </c>
      <c r="B43" s="2">
        <v>42635</v>
      </c>
      <c r="C43" s="1" t="s">
        <v>86</v>
      </c>
    </row>
    <row r="44" spans="1:3" ht="45" x14ac:dyDescent="0.25">
      <c r="A44" s="1" t="s">
        <v>87</v>
      </c>
      <c r="B44" s="2">
        <v>42636</v>
      </c>
      <c r="C44" s="1" t="s">
        <v>88</v>
      </c>
    </row>
    <row r="45" spans="1:3" ht="30" x14ac:dyDescent="0.25">
      <c r="A45" s="1" t="s">
        <v>89</v>
      </c>
      <c r="B45" s="2">
        <v>42637</v>
      </c>
      <c r="C45" s="1" t="s">
        <v>90</v>
      </c>
    </row>
    <row r="46" spans="1:3" ht="45" x14ac:dyDescent="0.25">
      <c r="A46" s="1" t="s">
        <v>91</v>
      </c>
      <c r="B46" s="2">
        <v>42638</v>
      </c>
      <c r="C46" s="1" t="s">
        <v>92</v>
      </c>
    </row>
    <row r="47" spans="1:3" ht="30" x14ac:dyDescent="0.25">
      <c r="A47" s="1" t="s">
        <v>93</v>
      </c>
      <c r="B47" s="2">
        <v>42638</v>
      </c>
      <c r="C47" s="1" t="s">
        <v>94</v>
      </c>
    </row>
    <row r="48" spans="1:3" ht="45" x14ac:dyDescent="0.25">
      <c r="A48" s="1" t="s">
        <v>95</v>
      </c>
      <c r="B48" s="2">
        <v>42639</v>
      </c>
      <c r="C48" s="1" t="s">
        <v>96</v>
      </c>
    </row>
    <row r="49" spans="1:3" ht="30" x14ac:dyDescent="0.25">
      <c r="A49" s="1" t="s">
        <v>97</v>
      </c>
      <c r="B49" s="2">
        <v>42639</v>
      </c>
      <c r="C49" s="1" t="s">
        <v>98</v>
      </c>
    </row>
    <row r="50" spans="1:3" ht="45" x14ac:dyDescent="0.25">
      <c r="A50" s="1" t="s">
        <v>99</v>
      </c>
      <c r="B50" s="2">
        <v>42640</v>
      </c>
      <c r="C50" s="1" t="s">
        <v>100</v>
      </c>
    </row>
    <row r="51" spans="1:3" ht="30" x14ac:dyDescent="0.25">
      <c r="A51" s="1" t="s">
        <v>101</v>
      </c>
      <c r="B51" s="2">
        <v>42641</v>
      </c>
      <c r="C51" s="1" t="s">
        <v>102</v>
      </c>
    </row>
    <row r="52" spans="1:3" ht="60" x14ac:dyDescent="0.25">
      <c r="A52" s="1" t="s">
        <v>103</v>
      </c>
      <c r="B52" s="2">
        <v>42643</v>
      </c>
      <c r="C52" s="1" t="s">
        <v>104</v>
      </c>
    </row>
    <row r="53" spans="1:3" ht="30" x14ac:dyDescent="0.25">
      <c r="A53" s="1" t="s">
        <v>105</v>
      </c>
      <c r="B53" s="2">
        <v>42643</v>
      </c>
      <c r="C53" s="1" t="s">
        <v>106</v>
      </c>
    </row>
    <row r="54" spans="1:3" ht="45" x14ac:dyDescent="0.25">
      <c r="A54" s="1" t="s">
        <v>107</v>
      </c>
      <c r="B54" s="2">
        <v>42644</v>
      </c>
      <c r="C54" s="1" t="s">
        <v>108</v>
      </c>
    </row>
    <row r="55" spans="1:3" ht="45" x14ac:dyDescent="0.25">
      <c r="A55" s="1" t="s">
        <v>109</v>
      </c>
      <c r="B55" s="2">
        <v>42644</v>
      </c>
      <c r="C55" s="1" t="s">
        <v>110</v>
      </c>
    </row>
    <row r="56" spans="1:3" ht="30" x14ac:dyDescent="0.25">
      <c r="A56" s="1" t="s">
        <v>111</v>
      </c>
      <c r="B56" s="2">
        <v>42644</v>
      </c>
      <c r="C56" s="1" t="s">
        <v>112</v>
      </c>
    </row>
    <row r="57" spans="1:3" ht="45" x14ac:dyDescent="0.25">
      <c r="A57" s="1" t="s">
        <v>113</v>
      </c>
      <c r="B57" s="2">
        <v>42646</v>
      </c>
      <c r="C57" s="1" t="s">
        <v>114</v>
      </c>
    </row>
    <row r="58" spans="1:3" ht="30" x14ac:dyDescent="0.25">
      <c r="A58" s="1" t="s">
        <v>115</v>
      </c>
      <c r="B58" s="2">
        <v>42646</v>
      </c>
      <c r="C58" s="1" t="s">
        <v>116</v>
      </c>
    </row>
    <row r="59" spans="1:3" ht="45" x14ac:dyDescent="0.25">
      <c r="A59" s="1" t="s">
        <v>117</v>
      </c>
      <c r="B59" s="2">
        <v>42646</v>
      </c>
      <c r="C59" s="1" t="s">
        <v>118</v>
      </c>
    </row>
    <row r="60" spans="1:3" ht="30" x14ac:dyDescent="0.25">
      <c r="A60" s="1" t="s">
        <v>119</v>
      </c>
      <c r="B60" s="2">
        <v>42647</v>
      </c>
      <c r="C60" s="1" t="s">
        <v>120</v>
      </c>
    </row>
    <row r="61" spans="1:3" ht="30" x14ac:dyDescent="0.25">
      <c r="A61" s="1" t="s">
        <v>121</v>
      </c>
      <c r="B61" s="2">
        <v>42647</v>
      </c>
      <c r="C61" s="1" t="s">
        <v>122</v>
      </c>
    </row>
    <row r="62" spans="1:3" ht="30" x14ac:dyDescent="0.25">
      <c r="A62" s="1" t="s">
        <v>123</v>
      </c>
      <c r="B62" s="2">
        <v>42648</v>
      </c>
      <c r="C62" s="1" t="s">
        <v>124</v>
      </c>
    </row>
    <row r="63" spans="1:3" ht="45" x14ac:dyDescent="0.25">
      <c r="A63" s="1" t="s">
        <v>125</v>
      </c>
      <c r="B63" s="2">
        <v>42648</v>
      </c>
      <c r="C63" s="1" t="s">
        <v>126</v>
      </c>
    </row>
    <row r="64" spans="1:3" ht="45" x14ac:dyDescent="0.25">
      <c r="A64" s="1" t="s">
        <v>127</v>
      </c>
      <c r="B64" s="2">
        <v>42649</v>
      </c>
      <c r="C64" s="1" t="s">
        <v>128</v>
      </c>
    </row>
    <row r="65" spans="1:3" ht="45" x14ac:dyDescent="0.25">
      <c r="A65" s="1" t="s">
        <v>129</v>
      </c>
      <c r="B65" s="2">
        <v>42649</v>
      </c>
      <c r="C65" s="1" t="s">
        <v>130</v>
      </c>
    </row>
    <row r="66" spans="1:3" ht="30" x14ac:dyDescent="0.25">
      <c r="A66" s="1" t="s">
        <v>131</v>
      </c>
      <c r="B66" s="2">
        <v>42650</v>
      </c>
      <c r="C66" s="1" t="s">
        <v>132</v>
      </c>
    </row>
    <row r="67" spans="1:3" ht="60" x14ac:dyDescent="0.25">
      <c r="A67" s="1" t="s">
        <v>133</v>
      </c>
      <c r="B67" s="2">
        <v>42651</v>
      </c>
      <c r="C67" s="1" t="s">
        <v>134</v>
      </c>
    </row>
    <row r="68" spans="1:3" ht="30" x14ac:dyDescent="0.25">
      <c r="A68" s="1" t="s">
        <v>135</v>
      </c>
      <c r="B68" s="2">
        <v>42653</v>
      </c>
      <c r="C68" s="1" t="s">
        <v>136</v>
      </c>
    </row>
    <row r="69" spans="1:3" ht="45" x14ac:dyDescent="0.25">
      <c r="A69" s="1" t="s">
        <v>137</v>
      </c>
      <c r="B69" s="2">
        <v>42653</v>
      </c>
      <c r="C69" s="1" t="s">
        <v>138</v>
      </c>
    </row>
    <row r="70" spans="1:3" ht="45" x14ac:dyDescent="0.25">
      <c r="A70" s="1" t="s">
        <v>139</v>
      </c>
      <c r="B70" s="2">
        <v>42654</v>
      </c>
      <c r="C70" s="1" t="s">
        <v>140</v>
      </c>
    </row>
    <row r="71" spans="1:3" ht="30" x14ac:dyDescent="0.25">
      <c r="A71" s="1" t="s">
        <v>141</v>
      </c>
      <c r="B71" s="2">
        <v>42655</v>
      </c>
      <c r="C71" s="1" t="s">
        <v>142</v>
      </c>
    </row>
    <row r="72" spans="1:3" ht="30" x14ac:dyDescent="0.25">
      <c r="A72" s="1" t="s">
        <v>143</v>
      </c>
      <c r="B72" s="2">
        <v>42655</v>
      </c>
      <c r="C72" s="1" t="s">
        <v>144</v>
      </c>
    </row>
    <row r="73" spans="1:3" ht="30" x14ac:dyDescent="0.25">
      <c r="A73" s="1" t="s">
        <v>145</v>
      </c>
      <c r="B73" s="2">
        <v>42656</v>
      </c>
      <c r="C73" s="1" t="s">
        <v>146</v>
      </c>
    </row>
    <row r="74" spans="1:3" ht="30" x14ac:dyDescent="0.25">
      <c r="A74" s="1" t="s">
        <v>147</v>
      </c>
      <c r="B74" s="2">
        <v>42657</v>
      </c>
      <c r="C74" s="1" t="s">
        <v>148</v>
      </c>
    </row>
    <row r="75" spans="1:3" ht="30" x14ac:dyDescent="0.25">
      <c r="A75" s="1" t="s">
        <v>149</v>
      </c>
      <c r="B75" s="2">
        <v>42659</v>
      </c>
      <c r="C75" s="1" t="s">
        <v>150</v>
      </c>
    </row>
    <row r="76" spans="1:3" ht="45" x14ac:dyDescent="0.25">
      <c r="A76" s="1" t="s">
        <v>151</v>
      </c>
      <c r="B76" s="2">
        <v>42659</v>
      </c>
      <c r="C76" s="1" t="s">
        <v>152</v>
      </c>
    </row>
    <row r="77" spans="1:3" ht="45" x14ac:dyDescent="0.25">
      <c r="A77" s="1" t="s">
        <v>153</v>
      </c>
      <c r="B77" s="2">
        <v>42659</v>
      </c>
      <c r="C77" s="1" t="s">
        <v>154</v>
      </c>
    </row>
    <row r="78" spans="1:3" ht="30" x14ac:dyDescent="0.25">
      <c r="A78" s="1" t="s">
        <v>155</v>
      </c>
      <c r="B78" s="2">
        <v>42659</v>
      </c>
      <c r="C78" s="1" t="s">
        <v>156</v>
      </c>
    </row>
    <row r="79" spans="1:3" ht="30" x14ac:dyDescent="0.25">
      <c r="A79" s="1" t="s">
        <v>157</v>
      </c>
      <c r="B79" s="2">
        <v>42660</v>
      </c>
      <c r="C79" s="1" t="s">
        <v>158</v>
      </c>
    </row>
    <row r="80" spans="1:3" ht="45" x14ac:dyDescent="0.25">
      <c r="A80" s="1" t="s">
        <v>159</v>
      </c>
      <c r="B80" s="2">
        <v>42661</v>
      </c>
      <c r="C80" s="1" t="s">
        <v>160</v>
      </c>
    </row>
    <row r="81" spans="1:3" ht="30" x14ac:dyDescent="0.25">
      <c r="A81" s="1" t="s">
        <v>161</v>
      </c>
      <c r="B81" s="2">
        <v>42662</v>
      </c>
      <c r="C81" s="1" t="s">
        <v>162</v>
      </c>
    </row>
    <row r="82" spans="1:3" ht="45" x14ac:dyDescent="0.25">
      <c r="A82" s="1" t="s">
        <v>163</v>
      </c>
      <c r="B82" s="2">
        <v>42662</v>
      </c>
      <c r="C82" s="1" t="s">
        <v>164</v>
      </c>
    </row>
    <row r="83" spans="1:3" ht="30" x14ac:dyDescent="0.25">
      <c r="A83" s="1" t="s">
        <v>165</v>
      </c>
      <c r="B83" s="2">
        <v>42662</v>
      </c>
      <c r="C83" s="1" t="s">
        <v>166</v>
      </c>
    </row>
    <row r="84" spans="1:3" ht="45" x14ac:dyDescent="0.25">
      <c r="A84" s="1" t="s">
        <v>167</v>
      </c>
      <c r="B84" s="2">
        <v>42663</v>
      </c>
      <c r="C84" s="1" t="s">
        <v>168</v>
      </c>
    </row>
    <row r="85" spans="1:3" ht="45" x14ac:dyDescent="0.25">
      <c r="A85" s="1" t="s">
        <v>169</v>
      </c>
      <c r="B85" s="2">
        <v>42665</v>
      </c>
      <c r="C85" s="1" t="s">
        <v>170</v>
      </c>
    </row>
    <row r="86" spans="1:3" ht="30" x14ac:dyDescent="0.25">
      <c r="A86" s="1" t="s">
        <v>171</v>
      </c>
      <c r="B86" s="2">
        <v>42665</v>
      </c>
      <c r="C86" s="1" t="s">
        <v>172</v>
      </c>
    </row>
    <row r="87" spans="1:3" ht="30" x14ac:dyDescent="0.25">
      <c r="A87" s="1" t="s">
        <v>173</v>
      </c>
      <c r="B87" s="2">
        <v>42666</v>
      </c>
      <c r="C87" s="1" t="s">
        <v>174</v>
      </c>
    </row>
    <row r="88" spans="1:3" ht="30" x14ac:dyDescent="0.25">
      <c r="A88" s="1" t="s">
        <v>175</v>
      </c>
      <c r="B88" s="2">
        <v>42666</v>
      </c>
      <c r="C88" s="1" t="s">
        <v>176</v>
      </c>
    </row>
    <row r="89" spans="1:3" ht="45" x14ac:dyDescent="0.25">
      <c r="A89" s="1" t="s">
        <v>177</v>
      </c>
      <c r="B89" s="2">
        <v>42667</v>
      </c>
      <c r="C89" s="1" t="s">
        <v>178</v>
      </c>
    </row>
    <row r="90" spans="1:3" ht="45" x14ac:dyDescent="0.25">
      <c r="A90" s="1" t="s">
        <v>179</v>
      </c>
      <c r="B90" s="2">
        <v>42667</v>
      </c>
      <c r="C90" s="1" t="s">
        <v>180</v>
      </c>
    </row>
    <row r="91" spans="1:3" ht="45" x14ac:dyDescent="0.25">
      <c r="A91" s="1" t="s">
        <v>181</v>
      </c>
      <c r="B91" s="2">
        <v>42667</v>
      </c>
      <c r="C91" s="1" t="s">
        <v>182</v>
      </c>
    </row>
    <row r="92" spans="1:3" ht="30" x14ac:dyDescent="0.25">
      <c r="A92" s="1" t="s">
        <v>183</v>
      </c>
      <c r="B92" s="2">
        <v>42667</v>
      </c>
      <c r="C92" s="1" t="s">
        <v>184</v>
      </c>
    </row>
    <row r="93" spans="1:3" ht="30" x14ac:dyDescent="0.25">
      <c r="A93" s="1" t="s">
        <v>185</v>
      </c>
      <c r="B93" s="2">
        <v>42668</v>
      </c>
      <c r="C93" s="1" t="s">
        <v>186</v>
      </c>
    </row>
    <row r="94" spans="1:3" ht="45" x14ac:dyDescent="0.25">
      <c r="A94" s="1" t="s">
        <v>187</v>
      </c>
      <c r="B94" s="2">
        <v>42668</v>
      </c>
      <c r="C94" s="1" t="s">
        <v>188</v>
      </c>
    </row>
    <row r="95" spans="1:3" ht="30" x14ac:dyDescent="0.25">
      <c r="A95" s="1" t="s">
        <v>189</v>
      </c>
      <c r="B95" s="2">
        <v>42668</v>
      </c>
      <c r="C95" s="1" t="s">
        <v>190</v>
      </c>
    </row>
    <row r="96" spans="1:3" ht="45" x14ac:dyDescent="0.25">
      <c r="A96" s="1" t="s">
        <v>191</v>
      </c>
      <c r="B96" s="2">
        <v>42669</v>
      </c>
      <c r="C96" s="1" t="s">
        <v>192</v>
      </c>
    </row>
    <row r="97" spans="1:3" ht="30" x14ac:dyDescent="0.25">
      <c r="A97" s="1" t="s">
        <v>193</v>
      </c>
      <c r="B97" s="2">
        <v>42669</v>
      </c>
      <c r="C97" s="1" t="s">
        <v>194</v>
      </c>
    </row>
    <row r="98" spans="1:3" ht="45" x14ac:dyDescent="0.25">
      <c r="A98" s="1" t="s">
        <v>195</v>
      </c>
      <c r="B98" s="2">
        <v>42670</v>
      </c>
      <c r="C98" s="1" t="s">
        <v>196</v>
      </c>
    </row>
    <row r="99" spans="1:3" ht="30" x14ac:dyDescent="0.25">
      <c r="A99" s="1" t="s">
        <v>197</v>
      </c>
      <c r="B99" s="2">
        <v>42671</v>
      </c>
      <c r="C99" s="1" t="s">
        <v>198</v>
      </c>
    </row>
    <row r="100" spans="1:3" ht="30" x14ac:dyDescent="0.25">
      <c r="A100" s="1" t="s">
        <v>199</v>
      </c>
      <c r="B100" s="2">
        <v>42672</v>
      </c>
      <c r="C100" s="1" t="s">
        <v>200</v>
      </c>
    </row>
    <row r="101" spans="1:3" ht="45" x14ac:dyDescent="0.25">
      <c r="A101" s="1" t="s">
        <v>201</v>
      </c>
      <c r="B101" s="2">
        <v>42672</v>
      </c>
      <c r="C101" s="1" t="s">
        <v>202</v>
      </c>
    </row>
    <row r="102" spans="1:3" ht="30" x14ac:dyDescent="0.25">
      <c r="A102" s="1" t="s">
        <v>203</v>
      </c>
      <c r="B102" s="2">
        <v>42673</v>
      </c>
      <c r="C102" s="1" t="s">
        <v>204</v>
      </c>
    </row>
    <row r="103" spans="1:3" ht="30" x14ac:dyDescent="0.25">
      <c r="A103" s="1" t="s">
        <v>205</v>
      </c>
      <c r="B103" s="2">
        <v>42674</v>
      </c>
      <c r="C103" s="1" t="s">
        <v>206</v>
      </c>
    </row>
    <row r="104" spans="1:3" ht="30" x14ac:dyDescent="0.25">
      <c r="A104" s="1" t="s">
        <v>207</v>
      </c>
      <c r="B104" s="2">
        <v>42674</v>
      </c>
      <c r="C104" s="1" t="s">
        <v>208</v>
      </c>
    </row>
    <row r="105" spans="1:3" ht="45" x14ac:dyDescent="0.25">
      <c r="A105" s="1" t="s">
        <v>209</v>
      </c>
      <c r="B105" s="2">
        <v>42674</v>
      </c>
      <c r="C105" s="1" t="s">
        <v>210</v>
      </c>
    </row>
    <row r="106" spans="1:3" ht="30" x14ac:dyDescent="0.25">
      <c r="A106" s="1" t="s">
        <v>211</v>
      </c>
      <c r="B106" s="2">
        <v>42674</v>
      </c>
      <c r="C106" s="1" t="s">
        <v>212</v>
      </c>
    </row>
    <row r="107" spans="1:3" ht="30" x14ac:dyDescent="0.25">
      <c r="A107" s="1" t="s">
        <v>213</v>
      </c>
      <c r="B107" s="2">
        <v>42674</v>
      </c>
      <c r="C107" s="1" t="s">
        <v>214</v>
      </c>
    </row>
    <row r="108" spans="1:3" ht="45" x14ac:dyDescent="0.25">
      <c r="A108" s="1" t="s">
        <v>215</v>
      </c>
      <c r="B108" s="2">
        <v>42674</v>
      </c>
      <c r="C108" s="1" t="s">
        <v>216</v>
      </c>
    </row>
    <row r="109" spans="1:3" ht="45" x14ac:dyDescent="0.25">
      <c r="A109" s="1" t="s">
        <v>217</v>
      </c>
      <c r="B109" s="2">
        <v>42676</v>
      </c>
      <c r="C109" s="1" t="s">
        <v>218</v>
      </c>
    </row>
    <row r="110" spans="1:3" ht="30" x14ac:dyDescent="0.25">
      <c r="A110" s="1" t="s">
        <v>219</v>
      </c>
      <c r="B110" s="2">
        <v>42676</v>
      </c>
      <c r="C110" s="1" t="s">
        <v>220</v>
      </c>
    </row>
    <row r="111" spans="1:3" ht="30" x14ac:dyDescent="0.25">
      <c r="A111" s="1" t="s">
        <v>221</v>
      </c>
      <c r="B111" s="2">
        <v>42676</v>
      </c>
      <c r="C111" s="1" t="s">
        <v>222</v>
      </c>
    </row>
    <row r="112" spans="1:3" ht="45" x14ac:dyDescent="0.25">
      <c r="A112" s="1" t="s">
        <v>223</v>
      </c>
      <c r="B112" s="2">
        <v>42676</v>
      </c>
      <c r="C112" s="1" t="s">
        <v>224</v>
      </c>
    </row>
    <row r="113" spans="1:3" ht="30" x14ac:dyDescent="0.25">
      <c r="A113" s="1" t="s">
        <v>225</v>
      </c>
      <c r="B113" s="2">
        <v>42677</v>
      </c>
      <c r="C113" s="1" t="s">
        <v>226</v>
      </c>
    </row>
    <row r="114" spans="1:3" ht="30" x14ac:dyDescent="0.25">
      <c r="A114" s="1" t="s">
        <v>227</v>
      </c>
      <c r="B114" s="2">
        <v>42678</v>
      </c>
      <c r="C114" s="1" t="s">
        <v>228</v>
      </c>
    </row>
    <row r="115" spans="1:3" ht="45" x14ac:dyDescent="0.25">
      <c r="A115" s="1" t="s">
        <v>229</v>
      </c>
      <c r="B115" s="2">
        <v>42678</v>
      </c>
      <c r="C115" s="1" t="s">
        <v>230</v>
      </c>
    </row>
    <row r="116" spans="1:3" ht="30" x14ac:dyDescent="0.25">
      <c r="A116" s="1" t="s">
        <v>231</v>
      </c>
      <c r="B116" s="2">
        <v>42679</v>
      </c>
      <c r="C116" s="1" t="s">
        <v>232</v>
      </c>
    </row>
    <row r="117" spans="1:3" ht="30" x14ac:dyDescent="0.25">
      <c r="A117" s="1" t="s">
        <v>233</v>
      </c>
      <c r="B117" s="2">
        <v>42680</v>
      </c>
      <c r="C117" s="1" t="s">
        <v>234</v>
      </c>
    </row>
    <row r="118" spans="1:3" ht="30" x14ac:dyDescent="0.25">
      <c r="A118" s="1" t="s">
        <v>235</v>
      </c>
      <c r="B118" s="2">
        <v>42680</v>
      </c>
      <c r="C118" s="1" t="s">
        <v>236</v>
      </c>
    </row>
    <row r="119" spans="1:3" ht="45" x14ac:dyDescent="0.25">
      <c r="A119" s="1" t="s">
        <v>237</v>
      </c>
      <c r="B119" s="2">
        <v>42680</v>
      </c>
      <c r="C119" s="1" t="s">
        <v>238</v>
      </c>
    </row>
    <row r="120" spans="1:3" ht="45" x14ac:dyDescent="0.25">
      <c r="A120" s="1" t="s">
        <v>239</v>
      </c>
      <c r="B120" s="2">
        <v>42680</v>
      </c>
      <c r="C120" s="1" t="s">
        <v>240</v>
      </c>
    </row>
    <row r="121" spans="1:3" ht="30" x14ac:dyDescent="0.25">
      <c r="A121" s="1" t="s">
        <v>241</v>
      </c>
      <c r="B121" s="2">
        <v>42681</v>
      </c>
      <c r="C121" s="1" t="s">
        <v>242</v>
      </c>
    </row>
    <row r="122" spans="1:3" ht="45" x14ac:dyDescent="0.25">
      <c r="A122" s="1" t="s">
        <v>243</v>
      </c>
      <c r="B122" s="2">
        <v>42681</v>
      </c>
      <c r="C122" s="1" t="s">
        <v>244</v>
      </c>
    </row>
    <row r="123" spans="1:3" ht="30" x14ac:dyDescent="0.25">
      <c r="A123" s="1" t="s">
        <v>245</v>
      </c>
      <c r="B123" s="2">
        <v>42681</v>
      </c>
      <c r="C123" s="1" t="s">
        <v>246</v>
      </c>
    </row>
    <row r="124" spans="1:3" ht="30" x14ac:dyDescent="0.25">
      <c r="A124" s="1" t="s">
        <v>247</v>
      </c>
      <c r="B124" s="2">
        <v>42682</v>
      </c>
      <c r="C124" s="1" t="s">
        <v>248</v>
      </c>
    </row>
    <row r="125" spans="1:3" ht="30" x14ac:dyDescent="0.25">
      <c r="A125" s="1" t="s">
        <v>249</v>
      </c>
      <c r="B125" s="2">
        <v>42682</v>
      </c>
      <c r="C125" s="1" t="s">
        <v>250</v>
      </c>
    </row>
    <row r="126" spans="1:3" ht="30" x14ac:dyDescent="0.25">
      <c r="A126" s="1" t="s">
        <v>251</v>
      </c>
      <c r="B126" s="2">
        <v>42682</v>
      </c>
      <c r="C126" s="1" t="s">
        <v>252</v>
      </c>
    </row>
    <row r="127" spans="1:3" ht="45" x14ac:dyDescent="0.25">
      <c r="A127" s="1" t="s">
        <v>253</v>
      </c>
      <c r="B127" s="2">
        <v>42683</v>
      </c>
      <c r="C127" s="1" t="s">
        <v>254</v>
      </c>
    </row>
    <row r="128" spans="1:3" ht="30" x14ac:dyDescent="0.25">
      <c r="A128" s="1" t="s">
        <v>255</v>
      </c>
      <c r="B128" s="2">
        <v>42683</v>
      </c>
      <c r="C128" s="1" t="s">
        <v>256</v>
      </c>
    </row>
    <row r="129" spans="1:3" ht="30" x14ac:dyDescent="0.25">
      <c r="A129" s="1" t="s">
        <v>257</v>
      </c>
      <c r="B129" s="2">
        <v>42684</v>
      </c>
      <c r="C129" s="1" t="s">
        <v>258</v>
      </c>
    </row>
    <row r="130" spans="1:3" ht="30" x14ac:dyDescent="0.25">
      <c r="A130" s="1" t="s">
        <v>259</v>
      </c>
      <c r="B130" s="2">
        <v>42684</v>
      </c>
      <c r="C130" s="1" t="s">
        <v>260</v>
      </c>
    </row>
    <row r="131" spans="1:3" ht="45" x14ac:dyDescent="0.25">
      <c r="A131" s="1" t="s">
        <v>261</v>
      </c>
      <c r="B131" s="2">
        <v>42684</v>
      </c>
      <c r="C131" s="1" t="s">
        <v>262</v>
      </c>
    </row>
    <row r="132" spans="1:3" ht="45" x14ac:dyDescent="0.25">
      <c r="A132" s="1" t="s">
        <v>263</v>
      </c>
      <c r="B132" s="2">
        <v>42686</v>
      </c>
      <c r="C132" s="1" t="s">
        <v>264</v>
      </c>
    </row>
    <row r="133" spans="1:3" ht="30" x14ac:dyDescent="0.25">
      <c r="A133" s="1" t="s">
        <v>265</v>
      </c>
      <c r="B133" s="2">
        <v>42687</v>
      </c>
      <c r="C133" s="1" t="s">
        <v>266</v>
      </c>
    </row>
    <row r="134" spans="1:3" ht="30" x14ac:dyDescent="0.25">
      <c r="A134" s="1" t="s">
        <v>267</v>
      </c>
      <c r="B134" s="2">
        <v>42687</v>
      </c>
      <c r="C134" s="1" t="s">
        <v>268</v>
      </c>
    </row>
    <row r="135" spans="1:3" ht="30" x14ac:dyDescent="0.25">
      <c r="A135" s="1" t="s">
        <v>269</v>
      </c>
      <c r="B135" s="2">
        <v>42688</v>
      </c>
      <c r="C135" s="1" t="s">
        <v>270</v>
      </c>
    </row>
    <row r="136" spans="1:3" ht="30" x14ac:dyDescent="0.25">
      <c r="A136" s="1" t="s">
        <v>271</v>
      </c>
      <c r="B136" s="2">
        <v>42690</v>
      </c>
      <c r="C136" s="1" t="s">
        <v>272</v>
      </c>
    </row>
    <row r="137" spans="1:3" ht="45" x14ac:dyDescent="0.25">
      <c r="A137" s="1" t="s">
        <v>273</v>
      </c>
      <c r="B137" s="2">
        <v>42691</v>
      </c>
      <c r="C137" s="1" t="s">
        <v>274</v>
      </c>
    </row>
    <row r="138" spans="1:3" ht="45" x14ac:dyDescent="0.25">
      <c r="A138" s="1" t="s">
        <v>275</v>
      </c>
      <c r="B138" s="2">
        <v>42692</v>
      </c>
      <c r="C138" s="1" t="s">
        <v>276</v>
      </c>
    </row>
    <row r="139" spans="1:3" ht="30" x14ac:dyDescent="0.25">
      <c r="A139" s="1" t="s">
        <v>277</v>
      </c>
      <c r="B139" s="2">
        <v>42693</v>
      </c>
      <c r="C139" s="1" t="s">
        <v>278</v>
      </c>
    </row>
    <row r="140" spans="1:3" ht="45" x14ac:dyDescent="0.25">
      <c r="A140" s="1" t="s">
        <v>279</v>
      </c>
      <c r="B140" s="2">
        <v>42693</v>
      </c>
      <c r="C140" s="1" t="s">
        <v>280</v>
      </c>
    </row>
    <row r="141" spans="1:3" ht="30" x14ac:dyDescent="0.25">
      <c r="A141" s="1" t="s">
        <v>281</v>
      </c>
      <c r="B141" s="2">
        <v>42693</v>
      </c>
      <c r="C141" s="1" t="s">
        <v>282</v>
      </c>
    </row>
    <row r="142" spans="1:3" ht="30" x14ac:dyDescent="0.25">
      <c r="A142" s="1" t="s">
        <v>283</v>
      </c>
      <c r="B142" s="2">
        <v>42694</v>
      </c>
      <c r="C142" s="1" t="s">
        <v>284</v>
      </c>
    </row>
    <row r="143" spans="1:3" ht="30" x14ac:dyDescent="0.25">
      <c r="A143" s="1" t="s">
        <v>285</v>
      </c>
      <c r="B143" s="2">
        <v>42694</v>
      </c>
      <c r="C143" s="1" t="s">
        <v>286</v>
      </c>
    </row>
    <row r="144" spans="1:3" ht="30" x14ac:dyDescent="0.25">
      <c r="A144" s="1" t="s">
        <v>287</v>
      </c>
      <c r="B144" s="2">
        <v>42695</v>
      </c>
      <c r="C144" s="1" t="s">
        <v>288</v>
      </c>
    </row>
    <row r="145" spans="1:3" ht="30" x14ac:dyDescent="0.25">
      <c r="A145" s="1" t="s">
        <v>289</v>
      </c>
      <c r="B145" s="2">
        <v>42695</v>
      </c>
      <c r="C145" s="1" t="s">
        <v>290</v>
      </c>
    </row>
    <row r="146" spans="1:3" ht="45" x14ac:dyDescent="0.25">
      <c r="A146" s="1" t="s">
        <v>291</v>
      </c>
      <c r="B146" s="2">
        <v>42696</v>
      </c>
      <c r="C146" s="1" t="s">
        <v>292</v>
      </c>
    </row>
    <row r="147" spans="1:3" ht="30" x14ac:dyDescent="0.25">
      <c r="A147" s="1" t="s">
        <v>293</v>
      </c>
      <c r="B147" s="2">
        <v>42696</v>
      </c>
      <c r="C147" s="1" t="s">
        <v>294</v>
      </c>
    </row>
    <row r="148" spans="1:3" ht="45" x14ac:dyDescent="0.25">
      <c r="A148" s="1" t="s">
        <v>295</v>
      </c>
      <c r="B148" s="2">
        <v>42696</v>
      </c>
      <c r="C148" s="1" t="s">
        <v>296</v>
      </c>
    </row>
    <row r="149" spans="1:3" ht="30" x14ac:dyDescent="0.25">
      <c r="A149" s="1" t="s">
        <v>297</v>
      </c>
      <c r="B149" s="2">
        <v>42697</v>
      </c>
      <c r="C149" s="1" t="s">
        <v>298</v>
      </c>
    </row>
    <row r="150" spans="1:3" ht="45" x14ac:dyDescent="0.25">
      <c r="A150" s="1" t="s">
        <v>299</v>
      </c>
      <c r="B150" s="2">
        <v>42698</v>
      </c>
      <c r="C150" s="1" t="s">
        <v>300</v>
      </c>
    </row>
    <row r="151" spans="1:3" ht="30" x14ac:dyDescent="0.25">
      <c r="A151" s="1" t="s">
        <v>301</v>
      </c>
      <c r="B151" s="2">
        <v>42698</v>
      </c>
      <c r="C151" s="1" t="s">
        <v>302</v>
      </c>
    </row>
    <row r="152" spans="1:3" ht="45" x14ac:dyDescent="0.25">
      <c r="A152" s="1" t="s">
        <v>303</v>
      </c>
      <c r="B152" s="2">
        <v>42698</v>
      </c>
      <c r="C152" s="1" t="s">
        <v>304</v>
      </c>
    </row>
    <row r="153" spans="1:3" ht="45" x14ac:dyDescent="0.25">
      <c r="A153" s="1" t="s">
        <v>305</v>
      </c>
      <c r="B153" s="2">
        <v>42698</v>
      </c>
      <c r="C153" s="1" t="s">
        <v>306</v>
      </c>
    </row>
    <row r="154" spans="1:3" ht="30" x14ac:dyDescent="0.25">
      <c r="A154" s="1" t="s">
        <v>307</v>
      </c>
      <c r="B154" s="2">
        <v>42698</v>
      </c>
      <c r="C154" s="1" t="s">
        <v>308</v>
      </c>
    </row>
    <row r="155" spans="1:3" ht="45" x14ac:dyDescent="0.25">
      <c r="A155" s="1" t="s">
        <v>309</v>
      </c>
      <c r="B155" s="2">
        <v>42700</v>
      </c>
      <c r="C155" s="1" t="s">
        <v>310</v>
      </c>
    </row>
    <row r="156" spans="1:3" ht="30" x14ac:dyDescent="0.25">
      <c r="A156" s="1" t="s">
        <v>311</v>
      </c>
      <c r="B156" s="2">
        <v>42701</v>
      </c>
      <c r="C156" s="1" t="s">
        <v>312</v>
      </c>
    </row>
    <row r="157" spans="1:3" ht="30" x14ac:dyDescent="0.25">
      <c r="A157" s="1" t="s">
        <v>313</v>
      </c>
      <c r="B157" s="2">
        <v>42701</v>
      </c>
      <c r="C157" s="1" t="s">
        <v>314</v>
      </c>
    </row>
    <row r="158" spans="1:3" ht="45" x14ac:dyDescent="0.25">
      <c r="A158" s="1" t="s">
        <v>315</v>
      </c>
      <c r="B158" s="2">
        <v>42702</v>
      </c>
      <c r="C158" s="1" t="s">
        <v>316</v>
      </c>
    </row>
    <row r="159" spans="1:3" ht="30" x14ac:dyDescent="0.25">
      <c r="A159" s="1" t="s">
        <v>317</v>
      </c>
      <c r="B159" s="2">
        <v>42703</v>
      </c>
      <c r="C159" s="1" t="s">
        <v>318</v>
      </c>
    </row>
    <row r="160" spans="1:3" ht="45" x14ac:dyDescent="0.25">
      <c r="A160" s="1" t="s">
        <v>319</v>
      </c>
      <c r="B160" s="2">
        <v>42704</v>
      </c>
      <c r="C160" s="1" t="s">
        <v>320</v>
      </c>
    </row>
    <row r="161" spans="1:3" ht="30" x14ac:dyDescent="0.25">
      <c r="A161" s="1" t="s">
        <v>321</v>
      </c>
      <c r="B161" s="2">
        <v>42705</v>
      </c>
      <c r="C161" s="1" t="s">
        <v>322</v>
      </c>
    </row>
    <row r="162" spans="1:3" ht="30" x14ac:dyDescent="0.25">
      <c r="A162" s="1" t="s">
        <v>323</v>
      </c>
      <c r="B162" s="2">
        <v>42705</v>
      </c>
      <c r="C162" s="1" t="s">
        <v>324</v>
      </c>
    </row>
    <row r="163" spans="1:3" ht="30" x14ac:dyDescent="0.25">
      <c r="A163" s="1" t="s">
        <v>325</v>
      </c>
      <c r="B163" s="2">
        <v>42705</v>
      </c>
      <c r="C163" s="1" t="s">
        <v>326</v>
      </c>
    </row>
    <row r="164" spans="1:3" ht="30" x14ac:dyDescent="0.25">
      <c r="A164" s="1" t="s">
        <v>327</v>
      </c>
      <c r="B164" s="2">
        <v>42705</v>
      </c>
      <c r="C164" s="1" t="s">
        <v>328</v>
      </c>
    </row>
    <row r="165" spans="1:3" ht="45" x14ac:dyDescent="0.25">
      <c r="A165" s="1" t="s">
        <v>329</v>
      </c>
      <c r="B165" s="2">
        <v>42705</v>
      </c>
      <c r="C165" s="1" t="s">
        <v>330</v>
      </c>
    </row>
    <row r="166" spans="1:3" ht="45" x14ac:dyDescent="0.25">
      <c r="A166" s="1" t="s">
        <v>331</v>
      </c>
      <c r="B166" s="2">
        <v>42705</v>
      </c>
      <c r="C166" s="1" t="s">
        <v>332</v>
      </c>
    </row>
    <row r="167" spans="1:3" ht="45" x14ac:dyDescent="0.25">
      <c r="A167" s="1" t="s">
        <v>333</v>
      </c>
      <c r="B167" s="2">
        <v>42705</v>
      </c>
      <c r="C167" s="1" t="s">
        <v>334</v>
      </c>
    </row>
    <row r="168" spans="1:3" ht="30" x14ac:dyDescent="0.25">
      <c r="A168" s="1" t="s">
        <v>335</v>
      </c>
      <c r="B168" s="2">
        <v>42707</v>
      </c>
      <c r="C168" s="1" t="s">
        <v>336</v>
      </c>
    </row>
    <row r="169" spans="1:3" ht="45" x14ac:dyDescent="0.25">
      <c r="A169" s="1" t="s">
        <v>337</v>
      </c>
      <c r="B169" s="2">
        <v>42707</v>
      </c>
      <c r="C169" s="1" t="s">
        <v>338</v>
      </c>
    </row>
    <row r="170" spans="1:3" ht="30" x14ac:dyDescent="0.25">
      <c r="A170" s="1" t="s">
        <v>339</v>
      </c>
      <c r="B170" s="2">
        <v>42708</v>
      </c>
      <c r="C170" s="1" t="s">
        <v>340</v>
      </c>
    </row>
    <row r="171" spans="1:3" ht="30" x14ac:dyDescent="0.25">
      <c r="A171" s="1" t="s">
        <v>341</v>
      </c>
      <c r="B171" s="2">
        <v>42709</v>
      </c>
      <c r="C171" s="1" t="s">
        <v>342</v>
      </c>
    </row>
    <row r="172" spans="1:3" ht="45" x14ac:dyDescent="0.25">
      <c r="A172" s="1" t="s">
        <v>343</v>
      </c>
      <c r="B172" s="2">
        <v>42709</v>
      </c>
      <c r="C172" s="1" t="s">
        <v>344</v>
      </c>
    </row>
    <row r="173" spans="1:3" ht="30" x14ac:dyDescent="0.25">
      <c r="A173" s="1" t="s">
        <v>345</v>
      </c>
      <c r="B173" s="2">
        <v>42710</v>
      </c>
      <c r="C173" s="1" t="s">
        <v>346</v>
      </c>
    </row>
    <row r="174" spans="1:3" ht="30" x14ac:dyDescent="0.25">
      <c r="A174" s="1" t="s">
        <v>347</v>
      </c>
      <c r="B174" s="2">
        <v>42711</v>
      </c>
      <c r="C174" s="1" t="s">
        <v>348</v>
      </c>
    </row>
    <row r="175" spans="1:3" ht="30" x14ac:dyDescent="0.25">
      <c r="A175" s="1" t="s">
        <v>349</v>
      </c>
      <c r="B175" s="2">
        <v>42711</v>
      </c>
      <c r="C175" s="1" t="s">
        <v>350</v>
      </c>
    </row>
    <row r="176" spans="1:3" ht="30" x14ac:dyDescent="0.25">
      <c r="A176" s="1" t="s">
        <v>351</v>
      </c>
      <c r="B176" s="2">
        <v>42712</v>
      </c>
      <c r="C176" s="1" t="s">
        <v>352</v>
      </c>
    </row>
    <row r="177" spans="1:3" ht="30" x14ac:dyDescent="0.25">
      <c r="A177" s="1" t="s">
        <v>353</v>
      </c>
      <c r="B177" s="2">
        <v>42712</v>
      </c>
      <c r="C177" s="1" t="s">
        <v>354</v>
      </c>
    </row>
    <row r="178" spans="1:3" ht="30" x14ac:dyDescent="0.25">
      <c r="A178" s="1" t="s">
        <v>355</v>
      </c>
      <c r="B178" s="2">
        <v>42712</v>
      </c>
      <c r="C178" s="1" t="s">
        <v>356</v>
      </c>
    </row>
    <row r="179" spans="1:3" ht="30" x14ac:dyDescent="0.25">
      <c r="A179" s="1" t="s">
        <v>357</v>
      </c>
      <c r="B179" s="2">
        <v>42714</v>
      </c>
      <c r="C179" s="1" t="s">
        <v>358</v>
      </c>
    </row>
    <row r="180" spans="1:3" ht="30" x14ac:dyDescent="0.25">
      <c r="A180" s="1" t="s">
        <v>359</v>
      </c>
      <c r="B180" s="2">
        <v>42715</v>
      </c>
      <c r="C180" s="1" t="s">
        <v>360</v>
      </c>
    </row>
    <row r="181" spans="1:3" ht="30" x14ac:dyDescent="0.25">
      <c r="A181" s="1" t="s">
        <v>361</v>
      </c>
      <c r="B181" s="2">
        <v>42715</v>
      </c>
      <c r="C181" s="1" t="s">
        <v>362</v>
      </c>
    </row>
    <row r="182" spans="1:3" ht="30" x14ac:dyDescent="0.25">
      <c r="A182" s="1" t="s">
        <v>363</v>
      </c>
      <c r="B182" s="2">
        <v>42715</v>
      </c>
      <c r="C182" s="1" t="s">
        <v>364</v>
      </c>
    </row>
    <row r="183" spans="1:3" ht="30" x14ac:dyDescent="0.25">
      <c r="A183" s="1" t="s">
        <v>365</v>
      </c>
      <c r="B183" s="2">
        <v>42716</v>
      </c>
      <c r="C183" s="1" t="s">
        <v>366</v>
      </c>
    </row>
    <row r="184" spans="1:3" ht="30" x14ac:dyDescent="0.25">
      <c r="A184" s="1" t="s">
        <v>367</v>
      </c>
      <c r="B184" s="2">
        <v>42716</v>
      </c>
      <c r="C184" s="1" t="s">
        <v>368</v>
      </c>
    </row>
    <row r="185" spans="1:3" ht="30" x14ac:dyDescent="0.25">
      <c r="A185" s="1" t="s">
        <v>369</v>
      </c>
      <c r="B185" s="2">
        <v>42717</v>
      </c>
      <c r="C185" s="1" t="s">
        <v>370</v>
      </c>
    </row>
    <row r="186" spans="1:3" ht="30" x14ac:dyDescent="0.25">
      <c r="A186" s="1" t="s">
        <v>371</v>
      </c>
      <c r="B186" s="2">
        <v>42717</v>
      </c>
      <c r="C186" s="1" t="s">
        <v>372</v>
      </c>
    </row>
    <row r="187" spans="1:3" ht="30" x14ac:dyDescent="0.25">
      <c r="A187" s="1" t="s">
        <v>373</v>
      </c>
      <c r="B187" s="2">
        <v>42717</v>
      </c>
      <c r="C187" s="1" t="s">
        <v>374</v>
      </c>
    </row>
    <row r="188" spans="1:3" ht="45" x14ac:dyDescent="0.25">
      <c r="A188" s="1" t="s">
        <v>375</v>
      </c>
      <c r="B188" s="2">
        <v>42717</v>
      </c>
      <c r="C188" s="1" t="s">
        <v>376</v>
      </c>
    </row>
    <row r="189" spans="1:3" ht="45" x14ac:dyDescent="0.25">
      <c r="A189" s="1" t="s">
        <v>377</v>
      </c>
      <c r="B189" s="2">
        <v>42718</v>
      </c>
      <c r="C189" s="1" t="s">
        <v>378</v>
      </c>
    </row>
    <row r="190" spans="1:3" ht="45" x14ac:dyDescent="0.25">
      <c r="A190" s="1" t="s">
        <v>379</v>
      </c>
      <c r="B190" s="2">
        <v>42719</v>
      </c>
      <c r="C190" s="1" t="s">
        <v>380</v>
      </c>
    </row>
    <row r="191" spans="1:3" ht="30" x14ac:dyDescent="0.25">
      <c r="A191" s="1" t="s">
        <v>381</v>
      </c>
      <c r="B191" s="2">
        <v>42719</v>
      </c>
      <c r="C191" s="1" t="s">
        <v>382</v>
      </c>
    </row>
    <row r="192" spans="1:3" ht="30" x14ac:dyDescent="0.25">
      <c r="A192" s="1" t="s">
        <v>383</v>
      </c>
      <c r="B192" s="2">
        <v>42719</v>
      </c>
      <c r="C192" s="1" t="s">
        <v>384</v>
      </c>
    </row>
    <row r="193" spans="1:3" ht="45" x14ac:dyDescent="0.25">
      <c r="A193" s="1" t="s">
        <v>385</v>
      </c>
      <c r="B193" s="2">
        <v>42721</v>
      </c>
      <c r="C193" s="1" t="s">
        <v>386</v>
      </c>
    </row>
    <row r="194" spans="1:3" ht="45" x14ac:dyDescent="0.25">
      <c r="A194" s="1" t="s">
        <v>387</v>
      </c>
      <c r="B194" s="2">
        <v>42722</v>
      </c>
      <c r="C194" s="1" t="s">
        <v>388</v>
      </c>
    </row>
    <row r="195" spans="1:3" ht="45" x14ac:dyDescent="0.25">
      <c r="A195" s="1" t="s">
        <v>389</v>
      </c>
      <c r="B195" s="2">
        <v>42722</v>
      </c>
      <c r="C195" s="1" t="s">
        <v>390</v>
      </c>
    </row>
    <row r="196" spans="1:3" ht="45" x14ac:dyDescent="0.25">
      <c r="A196" s="1" t="s">
        <v>391</v>
      </c>
      <c r="B196" s="2">
        <v>42722</v>
      </c>
      <c r="C196" s="1" t="s">
        <v>392</v>
      </c>
    </row>
    <row r="197" spans="1:3" ht="30" x14ac:dyDescent="0.25">
      <c r="A197" s="1" t="s">
        <v>393</v>
      </c>
      <c r="B197" s="2">
        <v>42722</v>
      </c>
      <c r="C197" s="1" t="s">
        <v>394</v>
      </c>
    </row>
    <row r="198" spans="1:3" ht="30" x14ac:dyDescent="0.25">
      <c r="A198" s="1" t="s">
        <v>395</v>
      </c>
      <c r="B198" s="2">
        <v>42723</v>
      </c>
      <c r="C198" s="1" t="s">
        <v>396</v>
      </c>
    </row>
    <row r="199" spans="1:3" ht="45" x14ac:dyDescent="0.25">
      <c r="A199" s="1" t="s">
        <v>397</v>
      </c>
      <c r="B199" s="2">
        <v>42723</v>
      </c>
      <c r="C199" s="1" t="s">
        <v>398</v>
      </c>
    </row>
    <row r="200" spans="1:3" ht="30" x14ac:dyDescent="0.25">
      <c r="A200" s="1" t="s">
        <v>399</v>
      </c>
      <c r="B200" s="2">
        <v>42723</v>
      </c>
      <c r="C200" s="1" t="s">
        <v>400</v>
      </c>
    </row>
    <row r="201" spans="1:3" ht="45" x14ac:dyDescent="0.25">
      <c r="A201" s="1" t="s">
        <v>401</v>
      </c>
      <c r="B201" s="2">
        <v>42724</v>
      </c>
      <c r="C201" s="1" t="s">
        <v>402</v>
      </c>
    </row>
    <row r="202" spans="1:3" ht="30" x14ac:dyDescent="0.25">
      <c r="A202" s="1" t="s">
        <v>403</v>
      </c>
      <c r="B202" s="2">
        <v>42724</v>
      </c>
      <c r="C202" s="1" t="s">
        <v>404</v>
      </c>
    </row>
    <row r="203" spans="1:3" ht="45" x14ac:dyDescent="0.25">
      <c r="A203" s="1" t="s">
        <v>405</v>
      </c>
      <c r="B203" s="2">
        <v>42725</v>
      </c>
      <c r="C203" s="1" t="s">
        <v>406</v>
      </c>
    </row>
    <row r="204" spans="1:3" ht="30" x14ac:dyDescent="0.25">
      <c r="A204" s="1" t="s">
        <v>407</v>
      </c>
      <c r="B204" s="2">
        <v>42725</v>
      </c>
      <c r="C204" s="1" t="s">
        <v>408</v>
      </c>
    </row>
    <row r="205" spans="1:3" ht="45" x14ac:dyDescent="0.25">
      <c r="A205" s="1" t="s">
        <v>409</v>
      </c>
      <c r="B205" s="2">
        <v>42726</v>
      </c>
      <c r="C205" s="1" t="s">
        <v>410</v>
      </c>
    </row>
    <row r="206" spans="1:3" ht="45" x14ac:dyDescent="0.25">
      <c r="A206" s="1" t="s">
        <v>411</v>
      </c>
      <c r="B206" s="2">
        <v>42726</v>
      </c>
      <c r="C206" s="1" t="s">
        <v>412</v>
      </c>
    </row>
    <row r="207" spans="1:3" ht="30" x14ac:dyDescent="0.25">
      <c r="A207" s="1" t="s">
        <v>413</v>
      </c>
      <c r="B207" s="2">
        <v>42727</v>
      </c>
      <c r="C207" s="1" t="s">
        <v>414</v>
      </c>
    </row>
    <row r="208" spans="1:3" ht="60" x14ac:dyDescent="0.25">
      <c r="A208" s="1" t="s">
        <v>415</v>
      </c>
      <c r="B208" s="2">
        <v>42728</v>
      </c>
      <c r="C208" s="1" t="s">
        <v>416</v>
      </c>
    </row>
    <row r="209" spans="1:3" ht="30" x14ac:dyDescent="0.25">
      <c r="A209" s="1" t="s">
        <v>417</v>
      </c>
      <c r="B209" s="2">
        <v>42729</v>
      </c>
      <c r="C209" s="1" t="s">
        <v>418</v>
      </c>
    </row>
    <row r="210" spans="1:3" ht="45" x14ac:dyDescent="0.25">
      <c r="A210" s="1" t="s">
        <v>419</v>
      </c>
      <c r="B210" s="2">
        <v>42729</v>
      </c>
      <c r="C210" s="1" t="s">
        <v>420</v>
      </c>
    </row>
    <row r="211" spans="1:3" ht="30" x14ac:dyDescent="0.25">
      <c r="A211" s="1" t="s">
        <v>421</v>
      </c>
      <c r="B211" s="2">
        <v>42729</v>
      </c>
      <c r="C211" s="1" t="s">
        <v>422</v>
      </c>
    </row>
    <row r="212" spans="1:3" ht="45" x14ac:dyDescent="0.25">
      <c r="A212" s="1" t="s">
        <v>423</v>
      </c>
      <c r="B212" s="2">
        <v>42730</v>
      </c>
      <c r="C212" s="1" t="s">
        <v>424</v>
      </c>
    </row>
    <row r="213" spans="1:3" ht="30" x14ac:dyDescent="0.25">
      <c r="A213" s="1" t="s">
        <v>425</v>
      </c>
      <c r="B213" s="2">
        <v>42730</v>
      </c>
      <c r="C213" s="1" t="s">
        <v>426</v>
      </c>
    </row>
    <row r="214" spans="1:3" ht="30" x14ac:dyDescent="0.25">
      <c r="A214" s="1" t="s">
        <v>427</v>
      </c>
      <c r="B214" s="2">
        <v>42730</v>
      </c>
      <c r="C214" s="1" t="s">
        <v>428</v>
      </c>
    </row>
    <row r="215" spans="1:3" ht="30" x14ac:dyDescent="0.25">
      <c r="A215" s="1" t="s">
        <v>429</v>
      </c>
      <c r="B215" s="2">
        <v>42731</v>
      </c>
      <c r="C215" s="1" t="s">
        <v>430</v>
      </c>
    </row>
    <row r="216" spans="1:3" ht="45" x14ac:dyDescent="0.25">
      <c r="A216" s="1" t="s">
        <v>431</v>
      </c>
      <c r="B216" s="2">
        <v>42732</v>
      </c>
      <c r="C216" s="1" t="s">
        <v>432</v>
      </c>
    </row>
    <row r="217" spans="1:3" ht="30" x14ac:dyDescent="0.25">
      <c r="A217" s="1" t="s">
        <v>433</v>
      </c>
      <c r="B217" s="2">
        <v>42732</v>
      </c>
      <c r="C217" s="1" t="s">
        <v>434</v>
      </c>
    </row>
    <row r="218" spans="1:3" ht="45" x14ac:dyDescent="0.25">
      <c r="A218" s="1" t="s">
        <v>435</v>
      </c>
      <c r="B218" s="2">
        <v>42733</v>
      </c>
      <c r="C218" s="1" t="s">
        <v>436</v>
      </c>
    </row>
    <row r="219" spans="1:3" ht="45" x14ac:dyDescent="0.25">
      <c r="A219" s="1" t="s">
        <v>437</v>
      </c>
      <c r="B219" s="2">
        <v>42733</v>
      </c>
      <c r="C219" s="1" t="s">
        <v>438</v>
      </c>
    </row>
    <row r="220" spans="1:3" ht="30" x14ac:dyDescent="0.25">
      <c r="A220" s="1" t="s">
        <v>439</v>
      </c>
      <c r="B220" s="2">
        <v>42733</v>
      </c>
      <c r="C220" s="1" t="s">
        <v>440</v>
      </c>
    </row>
    <row r="221" spans="1:3" ht="45" x14ac:dyDescent="0.25">
      <c r="A221" s="1" t="s">
        <v>441</v>
      </c>
      <c r="B221" s="2">
        <v>42733</v>
      </c>
      <c r="C221" s="1" t="s">
        <v>442</v>
      </c>
    </row>
    <row r="222" spans="1:3" ht="45" x14ac:dyDescent="0.25">
      <c r="A222" s="1" t="s">
        <v>443</v>
      </c>
      <c r="B222" s="2">
        <v>42733</v>
      </c>
      <c r="C222" s="1" t="s">
        <v>444</v>
      </c>
    </row>
    <row r="223" spans="1:3" ht="30" x14ac:dyDescent="0.25">
      <c r="A223" s="1" t="s">
        <v>445</v>
      </c>
      <c r="B223" s="2">
        <v>42733</v>
      </c>
      <c r="C223" s="1" t="s">
        <v>446</v>
      </c>
    </row>
    <row r="224" spans="1:3" ht="30" x14ac:dyDescent="0.25">
      <c r="A224" s="1" t="s">
        <v>447</v>
      </c>
      <c r="B224" s="2">
        <v>42735</v>
      </c>
      <c r="C224" s="1" t="s">
        <v>448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33"/>
  <sheetViews>
    <sheetView topLeftCell="A19" workbookViewId="0"/>
  </sheetViews>
  <sheetFormatPr defaultRowHeight="15" x14ac:dyDescent="0.25"/>
  <cols>
    <col min="1" max="1" width="21" style="1" customWidth="1"/>
    <col min="2" max="2" width="10.5703125" customWidth="1"/>
    <col min="3" max="3" width="95.85546875" style="1" customWidth="1"/>
  </cols>
  <sheetData>
    <row r="1" spans="1:3" x14ac:dyDescent="0.25">
      <c r="A1" s="1" t="s">
        <v>0</v>
      </c>
      <c r="B1" t="s">
        <v>1</v>
      </c>
      <c r="C1" s="1" t="s">
        <v>2</v>
      </c>
    </row>
    <row r="2" spans="1:3" ht="60" x14ac:dyDescent="0.25">
      <c r="A2" s="1" t="s">
        <v>449</v>
      </c>
      <c r="B2" s="3">
        <v>42615</v>
      </c>
      <c r="C2" s="1" t="s">
        <v>450</v>
      </c>
    </row>
    <row r="3" spans="1:3" ht="30" x14ac:dyDescent="0.25">
      <c r="A3" s="4" t="s">
        <v>451</v>
      </c>
      <c r="B3" s="3">
        <v>42618</v>
      </c>
      <c r="C3" s="1" t="s">
        <v>452</v>
      </c>
    </row>
    <row r="4" spans="1:3" ht="45" x14ac:dyDescent="0.25">
      <c r="A4" s="1" t="s">
        <v>453</v>
      </c>
      <c r="B4" s="3">
        <v>42623</v>
      </c>
      <c r="C4" s="1" t="s">
        <v>454</v>
      </c>
    </row>
    <row r="5" spans="1:3" x14ac:dyDescent="0.25">
      <c r="A5" s="4" t="s">
        <v>455</v>
      </c>
      <c r="B5" s="3">
        <v>42624</v>
      </c>
      <c r="C5" s="1" t="s">
        <v>456</v>
      </c>
    </row>
    <row r="6" spans="1:3" ht="30" x14ac:dyDescent="0.25">
      <c r="A6" s="1" t="s">
        <v>457</v>
      </c>
      <c r="B6" s="3">
        <v>42625</v>
      </c>
      <c r="C6" s="1" t="s">
        <v>458</v>
      </c>
    </row>
    <row r="7" spans="1:3" ht="45" x14ac:dyDescent="0.25">
      <c r="A7" s="4" t="s">
        <v>459</v>
      </c>
      <c r="B7" s="3">
        <v>42631</v>
      </c>
      <c r="C7" s="1" t="s">
        <v>460</v>
      </c>
    </row>
    <row r="8" spans="1:3" ht="60" x14ac:dyDescent="0.25">
      <c r="A8" s="1" t="s">
        <v>461</v>
      </c>
      <c r="B8" s="3">
        <v>42631</v>
      </c>
      <c r="C8" s="1" t="s">
        <v>462</v>
      </c>
    </row>
    <row r="9" spans="1:3" ht="45" x14ac:dyDescent="0.25">
      <c r="A9" s="1" t="s">
        <v>463</v>
      </c>
      <c r="B9" s="3">
        <v>42639</v>
      </c>
      <c r="C9" s="1" t="s">
        <v>464</v>
      </c>
    </row>
    <row r="10" spans="1:3" ht="45" x14ac:dyDescent="0.25">
      <c r="A10" s="1" t="s">
        <v>465</v>
      </c>
      <c r="B10" s="3">
        <v>42645</v>
      </c>
      <c r="C10" s="1" t="s">
        <v>466</v>
      </c>
    </row>
    <row r="11" spans="1:3" ht="30" x14ac:dyDescent="0.25">
      <c r="A11" s="4" t="s">
        <v>467</v>
      </c>
      <c r="B11" s="3">
        <v>42646</v>
      </c>
      <c r="C11" s="1" t="s">
        <v>468</v>
      </c>
    </row>
    <row r="12" spans="1:3" ht="30" x14ac:dyDescent="0.25">
      <c r="A12" s="4" t="s">
        <v>469</v>
      </c>
      <c r="B12" s="3">
        <v>42647</v>
      </c>
      <c r="C12" s="1" t="s">
        <v>470</v>
      </c>
    </row>
    <row r="13" spans="1:3" ht="45" x14ac:dyDescent="0.25">
      <c r="A13" s="1" t="s">
        <v>471</v>
      </c>
      <c r="B13" s="3">
        <v>42654</v>
      </c>
      <c r="C13" s="1" t="s">
        <v>472</v>
      </c>
    </row>
    <row r="14" spans="1:3" ht="45" x14ac:dyDescent="0.25">
      <c r="A14" s="1" t="s">
        <v>473</v>
      </c>
      <c r="B14" s="3">
        <v>42656</v>
      </c>
      <c r="C14" s="1" t="s">
        <v>474</v>
      </c>
    </row>
    <row r="15" spans="1:3" ht="45" x14ac:dyDescent="0.25">
      <c r="A15" s="1" t="s">
        <v>475</v>
      </c>
      <c r="B15" s="3">
        <v>42663</v>
      </c>
      <c r="C15" s="1" t="s">
        <v>476</v>
      </c>
    </row>
    <row r="16" spans="1:3" ht="30" x14ac:dyDescent="0.25">
      <c r="A16" s="1" t="s">
        <v>477</v>
      </c>
      <c r="B16" s="3">
        <v>42666</v>
      </c>
      <c r="C16" s="1" t="s">
        <v>478</v>
      </c>
    </row>
    <row r="17" spans="1:3" ht="45" x14ac:dyDescent="0.25">
      <c r="A17" s="1" t="s">
        <v>479</v>
      </c>
      <c r="B17" s="3">
        <v>42667</v>
      </c>
      <c r="C17" s="1" t="s">
        <v>480</v>
      </c>
    </row>
    <row r="18" spans="1:3" ht="45" x14ac:dyDescent="0.25">
      <c r="A18" s="4" t="s">
        <v>481</v>
      </c>
      <c r="B18" s="3">
        <v>42667</v>
      </c>
      <c r="C18" s="1" t="s">
        <v>482</v>
      </c>
    </row>
    <row r="19" spans="1:3" ht="30" x14ac:dyDescent="0.25">
      <c r="A19" s="1" t="s">
        <v>483</v>
      </c>
      <c r="B19" s="3">
        <v>42671</v>
      </c>
      <c r="C19" s="1" t="s">
        <v>484</v>
      </c>
    </row>
    <row r="20" spans="1:3" ht="30" x14ac:dyDescent="0.25">
      <c r="A20" s="1" t="s">
        <v>485</v>
      </c>
      <c r="B20" s="3">
        <v>42677</v>
      </c>
      <c r="C20" s="1" t="s">
        <v>486</v>
      </c>
    </row>
    <row r="21" spans="1:3" ht="30" x14ac:dyDescent="0.25">
      <c r="A21" s="1" t="s">
        <v>487</v>
      </c>
      <c r="B21" s="3">
        <v>42678</v>
      </c>
      <c r="C21" s="1" t="s">
        <v>488</v>
      </c>
    </row>
    <row r="22" spans="1:3" x14ac:dyDescent="0.25">
      <c r="A22" s="1" t="s">
        <v>489</v>
      </c>
      <c r="B22" s="3">
        <v>42683</v>
      </c>
      <c r="C22" s="1" t="s">
        <v>490</v>
      </c>
    </row>
    <row r="23" spans="1:3" ht="30" x14ac:dyDescent="0.25">
      <c r="A23" s="1" t="s">
        <v>491</v>
      </c>
      <c r="B23" s="3">
        <v>42688</v>
      </c>
      <c r="C23" s="1" t="s">
        <v>492</v>
      </c>
    </row>
    <row r="24" spans="1:3" x14ac:dyDescent="0.25">
      <c r="A24" s="1" t="s">
        <v>493</v>
      </c>
      <c r="B24" s="3">
        <v>42690</v>
      </c>
      <c r="C24" s="1" t="s">
        <v>494</v>
      </c>
    </row>
    <row r="25" spans="1:3" ht="30" x14ac:dyDescent="0.25">
      <c r="A25" s="1" t="s">
        <v>495</v>
      </c>
      <c r="B25" s="3">
        <v>42695</v>
      </c>
      <c r="C25" s="1" t="s">
        <v>496</v>
      </c>
    </row>
    <row r="26" spans="1:3" ht="30" x14ac:dyDescent="0.25">
      <c r="A26" s="1" t="s">
        <v>497</v>
      </c>
      <c r="B26" s="3">
        <v>42701</v>
      </c>
      <c r="C26" s="1" t="s">
        <v>498</v>
      </c>
    </row>
    <row r="27" spans="1:3" x14ac:dyDescent="0.25">
      <c r="A27" s="4" t="s">
        <v>499</v>
      </c>
      <c r="B27" s="3">
        <v>42702</v>
      </c>
      <c r="C27" s="1" t="s">
        <v>500</v>
      </c>
    </row>
    <row r="28" spans="1:3" ht="30" x14ac:dyDescent="0.25">
      <c r="A28" s="1" t="s">
        <v>501</v>
      </c>
      <c r="B28" s="3">
        <v>42710</v>
      </c>
      <c r="C28" s="1" t="s">
        <v>502</v>
      </c>
    </row>
    <row r="29" spans="1:3" ht="30" x14ac:dyDescent="0.25">
      <c r="A29" s="1" t="s">
        <v>503</v>
      </c>
      <c r="B29" s="3">
        <v>42710</v>
      </c>
      <c r="C29" s="1" t="s">
        <v>504</v>
      </c>
    </row>
    <row r="30" spans="1:3" ht="45" x14ac:dyDescent="0.25">
      <c r="A30" s="1" t="s">
        <v>505</v>
      </c>
      <c r="B30" s="3">
        <v>42719</v>
      </c>
      <c r="C30" s="1" t="s">
        <v>506</v>
      </c>
    </row>
    <row r="31" spans="1:3" ht="45" x14ac:dyDescent="0.25">
      <c r="A31" s="1" t="s">
        <v>507</v>
      </c>
      <c r="B31" s="3">
        <v>42719</v>
      </c>
      <c r="C31" s="1" t="s">
        <v>508</v>
      </c>
    </row>
    <row r="32" spans="1:3" ht="30" x14ac:dyDescent="0.25">
      <c r="A32" s="1" t="s">
        <v>509</v>
      </c>
      <c r="B32" s="3">
        <v>42723</v>
      </c>
      <c r="C32" s="1" t="s">
        <v>510</v>
      </c>
    </row>
    <row r="33" spans="1:3" ht="45" x14ac:dyDescent="0.25">
      <c r="A33" s="1" t="s">
        <v>511</v>
      </c>
      <c r="B33" s="3">
        <v>42733</v>
      </c>
      <c r="C33" s="1" t="s">
        <v>512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12"/>
  <sheetViews>
    <sheetView workbookViewId="0"/>
  </sheetViews>
  <sheetFormatPr defaultRowHeight="15" x14ac:dyDescent="0.25"/>
  <cols>
    <col min="1" max="1" width="20.140625" style="1" customWidth="1"/>
    <col min="2" max="2" width="20.28515625" customWidth="1"/>
    <col min="3" max="3" width="66.5703125" style="1" customWidth="1"/>
  </cols>
  <sheetData>
    <row r="1" spans="1:3" x14ac:dyDescent="0.25">
      <c r="A1" s="1" t="s">
        <v>513</v>
      </c>
      <c r="B1" t="s">
        <v>1</v>
      </c>
      <c r="C1" s="1" t="s">
        <v>2</v>
      </c>
    </row>
    <row r="2" spans="1:3" ht="30" x14ac:dyDescent="0.25">
      <c r="A2" s="1" t="s">
        <v>514</v>
      </c>
      <c r="B2" s="3">
        <v>42621</v>
      </c>
      <c r="C2" s="1" t="s">
        <v>515</v>
      </c>
    </row>
    <row r="3" spans="1:3" ht="30" x14ac:dyDescent="0.25">
      <c r="A3" s="1" t="s">
        <v>516</v>
      </c>
      <c r="B3" s="3">
        <v>42629</v>
      </c>
      <c r="C3" s="1" t="s">
        <v>517</v>
      </c>
    </row>
    <row r="4" spans="1:3" ht="45" x14ac:dyDescent="0.25">
      <c r="A4" s="1" t="s">
        <v>518</v>
      </c>
      <c r="B4" s="3">
        <v>42639</v>
      </c>
      <c r="C4" s="1" t="s">
        <v>519</v>
      </c>
    </row>
    <row r="5" spans="1:3" ht="30" x14ac:dyDescent="0.25">
      <c r="A5" s="1" t="s">
        <v>520</v>
      </c>
      <c r="B5" s="3">
        <v>42668</v>
      </c>
      <c r="C5" s="1" t="s">
        <v>521</v>
      </c>
    </row>
    <row r="6" spans="1:3" ht="30" x14ac:dyDescent="0.25">
      <c r="A6" s="4" t="s">
        <v>522</v>
      </c>
      <c r="B6" s="3">
        <v>42674</v>
      </c>
      <c r="C6" s="1" t="s">
        <v>523</v>
      </c>
    </row>
    <row r="7" spans="1:3" ht="30" x14ac:dyDescent="0.25">
      <c r="A7" s="1" t="s">
        <v>524</v>
      </c>
      <c r="B7" s="3">
        <v>42674</v>
      </c>
      <c r="C7" s="1" t="s">
        <v>525</v>
      </c>
    </row>
    <row r="8" spans="1:3" ht="45" x14ac:dyDescent="0.25">
      <c r="A8" s="1" t="s">
        <v>526</v>
      </c>
      <c r="B8" s="3">
        <v>42681</v>
      </c>
      <c r="C8" s="1" t="s">
        <v>527</v>
      </c>
    </row>
    <row r="9" spans="1:3" ht="45" x14ac:dyDescent="0.25">
      <c r="A9" s="1" t="s">
        <v>528</v>
      </c>
      <c r="B9" s="3">
        <v>42696</v>
      </c>
      <c r="C9" s="1" t="s">
        <v>529</v>
      </c>
    </row>
    <row r="10" spans="1:3" ht="45" x14ac:dyDescent="0.25">
      <c r="A10" s="1" t="s">
        <v>530</v>
      </c>
      <c r="B10" s="3">
        <v>42696</v>
      </c>
      <c r="C10" s="1" t="s">
        <v>531</v>
      </c>
    </row>
    <row r="11" spans="1:3" x14ac:dyDescent="0.25">
      <c r="A11" s="1" t="s">
        <v>532</v>
      </c>
      <c r="B11" s="3">
        <v>42700</v>
      </c>
      <c r="C11" s="1" t="s">
        <v>533</v>
      </c>
    </row>
    <row r="12" spans="1:3" ht="30" x14ac:dyDescent="0.25">
      <c r="A12" s="1" t="s">
        <v>534</v>
      </c>
      <c r="B12" s="3">
        <v>42714</v>
      </c>
      <c r="C12" s="1" t="s">
        <v>535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4"/>
  <sheetViews>
    <sheetView workbookViewId="0"/>
  </sheetViews>
  <sheetFormatPr defaultRowHeight="15" x14ac:dyDescent="0.25"/>
  <cols>
    <col min="1" max="1" width="22.42578125" customWidth="1"/>
    <col min="2" max="2" width="22.140625" customWidth="1"/>
    <col min="3" max="3" width="122.28515625" customWidth="1"/>
  </cols>
  <sheetData>
    <row r="1" spans="1:3" x14ac:dyDescent="0.25">
      <c r="A1" t="s">
        <v>513</v>
      </c>
      <c r="B1" t="s">
        <v>1</v>
      </c>
      <c r="C1" t="s">
        <v>2</v>
      </c>
    </row>
    <row r="2" spans="1:3" ht="60" x14ac:dyDescent="0.25">
      <c r="A2" s="1" t="s">
        <v>536</v>
      </c>
      <c r="B2" s="3">
        <v>42645</v>
      </c>
      <c r="C2" s="1" t="s">
        <v>537</v>
      </c>
    </row>
    <row r="3" spans="1:3" ht="45" x14ac:dyDescent="0.25">
      <c r="A3" s="1" t="s">
        <v>538</v>
      </c>
      <c r="B3" s="3">
        <v>42696</v>
      </c>
      <c r="C3" s="1" t="s">
        <v>539</v>
      </c>
    </row>
    <row r="4" spans="1:3" ht="30" x14ac:dyDescent="0.25">
      <c r="A4" s="1" t="s">
        <v>540</v>
      </c>
      <c r="B4" s="3">
        <v>42729</v>
      </c>
      <c r="C4" s="1" t="s">
        <v>541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116"/>
  <sheetViews>
    <sheetView tabSelected="1" topLeftCell="A103" workbookViewId="0">
      <selection activeCell="C116" sqref="C116"/>
    </sheetView>
  </sheetViews>
  <sheetFormatPr defaultRowHeight="15" x14ac:dyDescent="0.25"/>
  <cols>
    <col min="1" max="1" width="42.5703125" style="1" customWidth="1"/>
    <col min="2" max="2" width="10.7109375" style="1" bestFit="1" customWidth="1"/>
    <col min="3" max="3" width="47.7109375" style="1" customWidth="1"/>
  </cols>
  <sheetData>
    <row r="1" spans="1:3" x14ac:dyDescent="0.25">
      <c r="A1" s="1" t="s">
        <v>513</v>
      </c>
      <c r="B1" s="1" t="s">
        <v>542</v>
      </c>
      <c r="C1" s="1" t="s">
        <v>2</v>
      </c>
    </row>
    <row r="2" spans="1:3" ht="60" x14ac:dyDescent="0.25">
      <c r="A2" s="1" t="s">
        <v>543</v>
      </c>
      <c r="B2" s="2">
        <v>42614</v>
      </c>
      <c r="C2" s="1" t="s">
        <v>544</v>
      </c>
    </row>
    <row r="3" spans="1:3" ht="60" x14ac:dyDescent="0.25">
      <c r="A3" s="1" t="s">
        <v>545</v>
      </c>
      <c r="B3" s="2">
        <v>42614</v>
      </c>
      <c r="C3" s="1" t="s">
        <v>546</v>
      </c>
    </row>
    <row r="4" spans="1:3" ht="30" x14ac:dyDescent="0.25">
      <c r="A4" s="1" t="s">
        <v>547</v>
      </c>
      <c r="B4" s="2">
        <v>42614</v>
      </c>
      <c r="C4" s="1" t="s">
        <v>548</v>
      </c>
    </row>
    <row r="5" spans="1:3" ht="30" x14ac:dyDescent="0.25">
      <c r="A5" s="1" t="s">
        <v>549</v>
      </c>
      <c r="B5" s="2">
        <v>42615</v>
      </c>
      <c r="C5" s="1" t="s">
        <v>550</v>
      </c>
    </row>
    <row r="6" spans="1:3" x14ac:dyDescent="0.25">
      <c r="A6" s="1" t="s">
        <v>551</v>
      </c>
      <c r="B6" s="2">
        <v>42615</v>
      </c>
      <c r="C6" s="1" t="s">
        <v>552</v>
      </c>
    </row>
    <row r="7" spans="1:3" x14ac:dyDescent="0.25">
      <c r="A7" s="1" t="s">
        <v>553</v>
      </c>
      <c r="B7" s="2">
        <v>42616</v>
      </c>
      <c r="C7" s="1" t="s">
        <v>554</v>
      </c>
    </row>
    <row r="8" spans="1:3" x14ac:dyDescent="0.25">
      <c r="A8" s="1" t="s">
        <v>555</v>
      </c>
      <c r="B8" s="2">
        <v>42616</v>
      </c>
      <c r="C8" s="1" t="s">
        <v>556</v>
      </c>
    </row>
    <row r="9" spans="1:3" ht="45" x14ac:dyDescent="0.25">
      <c r="A9" s="1" t="s">
        <v>559</v>
      </c>
      <c r="B9" s="2">
        <v>42617</v>
      </c>
      <c r="C9" s="1" t="s">
        <v>560</v>
      </c>
    </row>
    <row r="10" spans="1:3" ht="30" x14ac:dyDescent="0.25">
      <c r="A10" s="1" t="s">
        <v>557</v>
      </c>
      <c r="B10" s="2">
        <v>42618</v>
      </c>
      <c r="C10" s="1" t="s">
        <v>558</v>
      </c>
    </row>
    <row r="11" spans="1:3" x14ac:dyDescent="0.25">
      <c r="A11" s="1" t="s">
        <v>561</v>
      </c>
      <c r="B11" s="2">
        <v>42618</v>
      </c>
      <c r="C11" s="1" t="s">
        <v>562</v>
      </c>
    </row>
    <row r="12" spans="1:3" x14ac:dyDescent="0.25">
      <c r="A12" s="1" t="s">
        <v>563</v>
      </c>
      <c r="B12" s="2">
        <v>42618</v>
      </c>
      <c r="C12" s="1" t="s">
        <v>564</v>
      </c>
    </row>
    <row r="13" spans="1:3" x14ac:dyDescent="0.25">
      <c r="A13" s="1" t="s">
        <v>565</v>
      </c>
      <c r="B13" s="2">
        <v>42619</v>
      </c>
      <c r="C13" s="1" t="s">
        <v>566</v>
      </c>
    </row>
    <row r="14" spans="1:3" x14ac:dyDescent="0.25">
      <c r="A14" s="1" t="s">
        <v>567</v>
      </c>
      <c r="B14" s="2">
        <v>42619</v>
      </c>
      <c r="C14" s="1" t="s">
        <v>568</v>
      </c>
    </row>
    <row r="15" spans="1:3" x14ac:dyDescent="0.25">
      <c r="A15" s="1" t="s">
        <v>569</v>
      </c>
      <c r="B15" s="2">
        <v>42619</v>
      </c>
      <c r="C15" s="1" t="s">
        <v>570</v>
      </c>
    </row>
    <row r="16" spans="1:3" x14ac:dyDescent="0.25">
      <c r="A16" s="1" t="s">
        <v>571</v>
      </c>
      <c r="B16" s="2">
        <v>42619</v>
      </c>
      <c r="C16" s="1" t="s">
        <v>572</v>
      </c>
    </row>
    <row r="17" spans="1:3" ht="30" x14ac:dyDescent="0.25">
      <c r="A17" s="1" t="s">
        <v>573</v>
      </c>
      <c r="B17" s="2">
        <v>42620</v>
      </c>
      <c r="C17" s="1" t="s">
        <v>574</v>
      </c>
    </row>
    <row r="18" spans="1:3" ht="30" x14ac:dyDescent="0.25">
      <c r="A18" s="1" t="s">
        <v>575</v>
      </c>
      <c r="B18" s="2">
        <v>42620</v>
      </c>
      <c r="C18" s="1" t="s">
        <v>576</v>
      </c>
    </row>
    <row r="19" spans="1:3" x14ac:dyDescent="0.25">
      <c r="A19" s="1" t="s">
        <v>577</v>
      </c>
      <c r="B19" s="2">
        <v>42620</v>
      </c>
      <c r="C19" s="1" t="s">
        <v>578</v>
      </c>
    </row>
    <row r="20" spans="1:3" ht="45" x14ac:dyDescent="0.25">
      <c r="A20" s="1" t="s">
        <v>579</v>
      </c>
      <c r="B20" s="2">
        <v>42620</v>
      </c>
      <c r="C20" s="1" t="s">
        <v>580</v>
      </c>
    </row>
    <row r="21" spans="1:3" ht="30" x14ac:dyDescent="0.25">
      <c r="A21" s="1" t="s">
        <v>581</v>
      </c>
      <c r="B21" s="2">
        <v>42621</v>
      </c>
      <c r="C21" s="1" t="s">
        <v>582</v>
      </c>
    </row>
    <row r="22" spans="1:3" x14ac:dyDescent="0.25">
      <c r="A22" s="1" t="s">
        <v>583</v>
      </c>
      <c r="B22" s="2">
        <v>42621</v>
      </c>
      <c r="C22" s="1" t="s">
        <v>584</v>
      </c>
    </row>
    <row r="23" spans="1:3" ht="30" x14ac:dyDescent="0.25">
      <c r="A23" s="1" t="s">
        <v>585</v>
      </c>
      <c r="B23" s="2">
        <v>42621</v>
      </c>
      <c r="C23" s="1" t="s">
        <v>586</v>
      </c>
    </row>
    <row r="24" spans="1:3" ht="30" x14ac:dyDescent="0.25">
      <c r="A24" s="1" t="s">
        <v>587</v>
      </c>
      <c r="B24" s="2">
        <v>42621</v>
      </c>
      <c r="C24" s="1" t="s">
        <v>588</v>
      </c>
    </row>
    <row r="25" spans="1:3" ht="30" x14ac:dyDescent="0.25">
      <c r="A25" s="1" t="s">
        <v>589</v>
      </c>
      <c r="B25" s="2">
        <v>42622</v>
      </c>
      <c r="C25" s="1" t="s">
        <v>590</v>
      </c>
    </row>
    <row r="26" spans="1:3" x14ac:dyDescent="0.25">
      <c r="A26" s="1" t="s">
        <v>591</v>
      </c>
      <c r="B26" s="2">
        <v>42622</v>
      </c>
      <c r="C26" s="1" t="s">
        <v>592</v>
      </c>
    </row>
    <row r="27" spans="1:3" ht="30" x14ac:dyDescent="0.25">
      <c r="A27" s="1" t="s">
        <v>593</v>
      </c>
      <c r="B27" s="2">
        <v>42622</v>
      </c>
      <c r="C27" s="1" t="s">
        <v>594</v>
      </c>
    </row>
    <row r="28" spans="1:3" ht="30" x14ac:dyDescent="0.25">
      <c r="A28" s="1" t="s">
        <v>595</v>
      </c>
      <c r="B28" s="2">
        <v>42622</v>
      </c>
      <c r="C28" s="1" t="s">
        <v>596</v>
      </c>
    </row>
    <row r="29" spans="1:3" ht="30" x14ac:dyDescent="0.25">
      <c r="A29" s="1" t="s">
        <v>597</v>
      </c>
      <c r="B29" s="2">
        <v>42624</v>
      </c>
      <c r="C29" s="1" t="s">
        <v>598</v>
      </c>
    </row>
    <row r="30" spans="1:3" ht="30" x14ac:dyDescent="0.25">
      <c r="A30" s="1" t="s">
        <v>599</v>
      </c>
      <c r="B30" s="2">
        <v>42624</v>
      </c>
      <c r="C30" s="1" t="s">
        <v>600</v>
      </c>
    </row>
    <row r="31" spans="1:3" x14ac:dyDescent="0.25">
      <c r="A31" s="1" t="s">
        <v>601</v>
      </c>
      <c r="B31" s="2">
        <v>42625</v>
      </c>
      <c r="C31" s="1" t="s">
        <v>602</v>
      </c>
    </row>
    <row r="32" spans="1:3" x14ac:dyDescent="0.25">
      <c r="A32" s="1" t="s">
        <v>603</v>
      </c>
      <c r="B32" s="2">
        <v>42628</v>
      </c>
      <c r="C32" s="1" t="s">
        <v>604</v>
      </c>
    </row>
    <row r="33" spans="1:3" x14ac:dyDescent="0.25">
      <c r="A33" s="1" t="s">
        <v>605</v>
      </c>
      <c r="B33" s="2">
        <v>42628</v>
      </c>
      <c r="C33" s="1" t="s">
        <v>606</v>
      </c>
    </row>
    <row r="34" spans="1:3" x14ac:dyDescent="0.25">
      <c r="A34" s="1" t="s">
        <v>607</v>
      </c>
      <c r="B34" s="2">
        <v>42628</v>
      </c>
      <c r="C34" s="1" t="s">
        <v>608</v>
      </c>
    </row>
    <row r="35" spans="1:3" ht="30" x14ac:dyDescent="0.25">
      <c r="A35" s="1" t="s">
        <v>609</v>
      </c>
      <c r="B35" s="2">
        <v>42628</v>
      </c>
      <c r="C35" s="1" t="s">
        <v>610</v>
      </c>
    </row>
    <row r="36" spans="1:3" ht="30" x14ac:dyDescent="0.25">
      <c r="A36" s="1" t="s">
        <v>611</v>
      </c>
      <c r="B36" s="2">
        <v>42629</v>
      </c>
      <c r="C36" s="1" t="s">
        <v>612</v>
      </c>
    </row>
    <row r="37" spans="1:3" ht="30" x14ac:dyDescent="0.25">
      <c r="A37" s="1" t="s">
        <v>613</v>
      </c>
      <c r="B37" s="2">
        <v>42631</v>
      </c>
      <c r="C37" s="1" t="s">
        <v>614</v>
      </c>
    </row>
    <row r="38" spans="1:3" ht="30" x14ac:dyDescent="0.25">
      <c r="A38" s="1" t="s">
        <v>615</v>
      </c>
      <c r="B38" s="2">
        <v>42631</v>
      </c>
      <c r="C38" s="1" t="s">
        <v>616</v>
      </c>
    </row>
    <row r="39" spans="1:3" ht="30" x14ac:dyDescent="0.25">
      <c r="A39" s="1" t="s">
        <v>617</v>
      </c>
      <c r="B39" s="2">
        <v>42632</v>
      </c>
      <c r="C39" s="1" t="s">
        <v>618</v>
      </c>
    </row>
    <row r="40" spans="1:3" x14ac:dyDescent="0.25">
      <c r="A40" s="1" t="s">
        <v>619</v>
      </c>
      <c r="B40" s="2">
        <v>42632</v>
      </c>
      <c r="C40" s="1" t="s">
        <v>620</v>
      </c>
    </row>
    <row r="41" spans="1:3" ht="30" x14ac:dyDescent="0.25">
      <c r="A41" s="1" t="s">
        <v>621</v>
      </c>
      <c r="B41" s="2">
        <v>42632</v>
      </c>
      <c r="C41" s="1" t="s">
        <v>622</v>
      </c>
    </row>
    <row r="42" spans="1:3" x14ac:dyDescent="0.25">
      <c r="A42" s="1" t="s">
        <v>623</v>
      </c>
      <c r="B42" s="2">
        <v>42633</v>
      </c>
      <c r="C42" s="1" t="s">
        <v>624</v>
      </c>
    </row>
    <row r="43" spans="1:3" x14ac:dyDescent="0.25">
      <c r="A43" s="1" t="s">
        <v>625</v>
      </c>
      <c r="B43" s="2">
        <v>42633</v>
      </c>
      <c r="C43" s="1" t="s">
        <v>626</v>
      </c>
    </row>
    <row r="44" spans="1:3" ht="30" x14ac:dyDescent="0.25">
      <c r="A44" s="1" t="s">
        <v>627</v>
      </c>
      <c r="B44" s="2">
        <v>42633</v>
      </c>
      <c r="C44" s="1" t="s">
        <v>628</v>
      </c>
    </row>
    <row r="45" spans="1:3" x14ac:dyDescent="0.25">
      <c r="A45" s="1" t="s">
        <v>629</v>
      </c>
      <c r="B45" s="2">
        <v>42634</v>
      </c>
      <c r="C45" s="1" t="s">
        <v>630</v>
      </c>
    </row>
    <row r="46" spans="1:3" ht="30" x14ac:dyDescent="0.25">
      <c r="A46" s="1" t="s">
        <v>631</v>
      </c>
      <c r="B46" s="2">
        <v>42634</v>
      </c>
      <c r="C46" s="1" t="s">
        <v>632</v>
      </c>
    </row>
    <row r="47" spans="1:3" ht="30" x14ac:dyDescent="0.25">
      <c r="A47" s="1" t="s">
        <v>633</v>
      </c>
      <c r="B47" s="2">
        <v>42635</v>
      </c>
      <c r="C47" s="1" t="s">
        <v>634</v>
      </c>
    </row>
    <row r="48" spans="1:3" x14ac:dyDescent="0.25">
      <c r="A48" s="1" t="s">
        <v>635</v>
      </c>
      <c r="B48" s="2">
        <v>42635</v>
      </c>
      <c r="C48" s="1" t="s">
        <v>636</v>
      </c>
    </row>
    <row r="49" spans="1:3" x14ac:dyDescent="0.25">
      <c r="A49" s="1" t="s">
        <v>637</v>
      </c>
      <c r="B49" s="2">
        <v>42635</v>
      </c>
      <c r="C49" s="1" t="s">
        <v>638</v>
      </c>
    </row>
    <row r="50" spans="1:3" ht="30" x14ac:dyDescent="0.25">
      <c r="A50" s="1" t="s">
        <v>639</v>
      </c>
      <c r="B50" s="2">
        <v>42636</v>
      </c>
      <c r="C50" s="1" t="s">
        <v>640</v>
      </c>
    </row>
    <row r="51" spans="1:3" x14ac:dyDescent="0.25">
      <c r="A51" s="1" t="s">
        <v>641</v>
      </c>
      <c r="B51" s="2">
        <v>42636</v>
      </c>
      <c r="C51" s="1" t="s">
        <v>642</v>
      </c>
    </row>
    <row r="52" spans="1:3" ht="30" x14ac:dyDescent="0.25">
      <c r="A52" s="1" t="s">
        <v>643</v>
      </c>
      <c r="B52" s="2">
        <v>42636</v>
      </c>
      <c r="C52" s="1" t="s">
        <v>644</v>
      </c>
    </row>
    <row r="53" spans="1:3" x14ac:dyDescent="0.25">
      <c r="A53" s="1" t="s">
        <v>645</v>
      </c>
      <c r="B53" s="2">
        <v>42638</v>
      </c>
      <c r="C53" s="1" t="s">
        <v>646</v>
      </c>
    </row>
    <row r="54" spans="1:3" x14ac:dyDescent="0.25">
      <c r="A54" s="1" t="s">
        <v>647</v>
      </c>
      <c r="B54" s="2">
        <v>42638</v>
      </c>
      <c r="C54" s="1" t="s">
        <v>648</v>
      </c>
    </row>
    <row r="55" spans="1:3" x14ac:dyDescent="0.25">
      <c r="A55" s="1" t="s">
        <v>649</v>
      </c>
      <c r="B55" s="2">
        <v>42639</v>
      </c>
      <c r="C55" s="1" t="s">
        <v>650</v>
      </c>
    </row>
    <row r="56" spans="1:3" ht="30" x14ac:dyDescent="0.25">
      <c r="A56" s="1" t="s">
        <v>651</v>
      </c>
      <c r="B56" s="2">
        <v>42639</v>
      </c>
      <c r="C56" s="1" t="s">
        <v>652</v>
      </c>
    </row>
    <row r="57" spans="1:3" x14ac:dyDescent="0.25">
      <c r="A57" s="1" t="s">
        <v>653</v>
      </c>
      <c r="B57" s="2">
        <v>42639</v>
      </c>
      <c r="C57" s="1" t="s">
        <v>654</v>
      </c>
    </row>
    <row r="58" spans="1:3" ht="30" x14ac:dyDescent="0.25">
      <c r="A58" s="1" t="s">
        <v>655</v>
      </c>
      <c r="B58" s="2">
        <v>42639</v>
      </c>
      <c r="C58" s="1" t="s">
        <v>656</v>
      </c>
    </row>
    <row r="59" spans="1:3" ht="30" x14ac:dyDescent="0.25">
      <c r="A59" s="1" t="s">
        <v>657</v>
      </c>
      <c r="B59" s="2">
        <v>42639</v>
      </c>
      <c r="C59" s="1" t="s">
        <v>658</v>
      </c>
    </row>
    <row r="60" spans="1:3" x14ac:dyDescent="0.25">
      <c r="A60" s="1" t="s">
        <v>659</v>
      </c>
      <c r="B60" s="2">
        <v>42640</v>
      </c>
      <c r="C60" s="1" t="s">
        <v>660</v>
      </c>
    </row>
    <row r="61" spans="1:3" x14ac:dyDescent="0.25">
      <c r="A61" s="1" t="s">
        <v>661</v>
      </c>
      <c r="B61" s="2">
        <v>42640</v>
      </c>
      <c r="C61" s="1" t="s">
        <v>662</v>
      </c>
    </row>
    <row r="62" spans="1:3" x14ac:dyDescent="0.25">
      <c r="A62" s="1" t="s">
        <v>663</v>
      </c>
      <c r="B62" s="2">
        <v>42640</v>
      </c>
      <c r="C62" s="1" t="s">
        <v>664</v>
      </c>
    </row>
    <row r="63" spans="1:3" ht="30" x14ac:dyDescent="0.25">
      <c r="A63" s="1" t="s">
        <v>665</v>
      </c>
      <c r="B63" s="2">
        <v>42640</v>
      </c>
      <c r="C63" s="1" t="s">
        <v>666</v>
      </c>
    </row>
    <row r="64" spans="1:3" ht="30" x14ac:dyDescent="0.25">
      <c r="A64" s="1" t="s">
        <v>667</v>
      </c>
      <c r="B64" s="2">
        <v>42640</v>
      </c>
      <c r="C64" s="1" t="s">
        <v>668</v>
      </c>
    </row>
    <row r="65" spans="1:3" x14ac:dyDescent="0.25">
      <c r="A65" s="1" t="s">
        <v>669</v>
      </c>
      <c r="B65" s="2">
        <v>42641</v>
      </c>
      <c r="C65" s="1" t="s">
        <v>670</v>
      </c>
    </row>
    <row r="66" spans="1:3" ht="30" x14ac:dyDescent="0.25">
      <c r="A66" s="1" t="s">
        <v>671</v>
      </c>
      <c r="B66" s="2">
        <v>42641</v>
      </c>
      <c r="C66" s="1" t="s">
        <v>672</v>
      </c>
    </row>
    <row r="67" spans="1:3" x14ac:dyDescent="0.25">
      <c r="A67" s="1" t="s">
        <v>673</v>
      </c>
      <c r="B67" s="2">
        <v>42641</v>
      </c>
      <c r="C67" s="1" t="s">
        <v>674</v>
      </c>
    </row>
    <row r="68" spans="1:3" x14ac:dyDescent="0.25">
      <c r="A68" s="1" t="s">
        <v>675</v>
      </c>
      <c r="B68" s="2">
        <v>42641</v>
      </c>
      <c r="C68" s="1" t="s">
        <v>676</v>
      </c>
    </row>
    <row r="69" spans="1:3" x14ac:dyDescent="0.25">
      <c r="A69" s="1" t="s">
        <v>677</v>
      </c>
      <c r="B69" s="2">
        <v>42641</v>
      </c>
      <c r="C69" s="1" t="s">
        <v>678</v>
      </c>
    </row>
    <row r="70" spans="1:3" ht="30" x14ac:dyDescent="0.25">
      <c r="A70" s="1" t="s">
        <v>679</v>
      </c>
      <c r="B70" s="2">
        <v>42642</v>
      </c>
      <c r="C70" s="1" t="s">
        <v>680</v>
      </c>
    </row>
    <row r="71" spans="1:3" x14ac:dyDescent="0.25">
      <c r="A71" s="1" t="s">
        <v>681</v>
      </c>
      <c r="B71" s="2">
        <v>42642</v>
      </c>
      <c r="C71" s="1" t="s">
        <v>682</v>
      </c>
    </row>
    <row r="72" spans="1:3" ht="30" x14ac:dyDescent="0.25">
      <c r="A72" s="1" t="s">
        <v>683</v>
      </c>
      <c r="B72" s="2">
        <v>42642</v>
      </c>
      <c r="C72" s="1" t="s">
        <v>684</v>
      </c>
    </row>
    <row r="73" spans="1:3" ht="30" x14ac:dyDescent="0.25">
      <c r="A73" s="1" t="s">
        <v>685</v>
      </c>
      <c r="B73" s="2">
        <v>42643</v>
      </c>
      <c r="C73" s="1" t="s">
        <v>686</v>
      </c>
    </row>
    <row r="74" spans="1:3" x14ac:dyDescent="0.25">
      <c r="A74" s="1" t="s">
        <v>687</v>
      </c>
      <c r="B74" s="2">
        <v>42643</v>
      </c>
      <c r="C74" s="1" t="s">
        <v>688</v>
      </c>
    </row>
    <row r="75" spans="1:3" ht="30" x14ac:dyDescent="0.25">
      <c r="A75" s="1" t="s">
        <v>689</v>
      </c>
      <c r="B75" s="2">
        <v>42643</v>
      </c>
      <c r="C75" s="1" t="s">
        <v>690</v>
      </c>
    </row>
    <row r="76" spans="1:3" ht="30" x14ac:dyDescent="0.25">
      <c r="A76" s="1" t="s">
        <v>691</v>
      </c>
      <c r="B76" s="2">
        <v>42643</v>
      </c>
      <c r="C76" s="1" t="s">
        <v>692</v>
      </c>
    </row>
    <row r="77" spans="1:3" x14ac:dyDescent="0.25">
      <c r="A77" s="1" t="s">
        <v>693</v>
      </c>
      <c r="B77" s="2">
        <v>42644</v>
      </c>
      <c r="C77" s="1" t="s">
        <v>694</v>
      </c>
    </row>
    <row r="78" spans="1:3" ht="30" x14ac:dyDescent="0.25">
      <c r="A78" s="1" t="s">
        <v>695</v>
      </c>
      <c r="B78" s="2">
        <v>42644</v>
      </c>
      <c r="C78" s="1" t="s">
        <v>696</v>
      </c>
    </row>
    <row r="79" spans="1:3" ht="30" x14ac:dyDescent="0.25">
      <c r="A79" s="1" t="s">
        <v>697</v>
      </c>
      <c r="B79" s="2">
        <v>42644</v>
      </c>
      <c r="C79" s="1" t="s">
        <v>698</v>
      </c>
    </row>
    <row r="80" spans="1:3" ht="30" x14ac:dyDescent="0.25">
      <c r="A80" s="1" t="s">
        <v>699</v>
      </c>
      <c r="B80" s="2">
        <v>42645</v>
      </c>
      <c r="C80" s="1" t="s">
        <v>700</v>
      </c>
    </row>
    <row r="81" spans="1:3" ht="30" x14ac:dyDescent="0.25">
      <c r="A81" s="1" t="s">
        <v>701</v>
      </c>
      <c r="B81" s="2">
        <v>42646</v>
      </c>
      <c r="C81" s="1" t="s">
        <v>702</v>
      </c>
    </row>
    <row r="82" spans="1:3" x14ac:dyDescent="0.25">
      <c r="A82" s="1" t="s">
        <v>703</v>
      </c>
      <c r="B82" s="2">
        <v>42646</v>
      </c>
      <c r="C82" s="1" t="s">
        <v>704</v>
      </c>
    </row>
    <row r="83" spans="1:3" x14ac:dyDescent="0.25">
      <c r="A83" s="1" t="s">
        <v>705</v>
      </c>
      <c r="B83" s="2">
        <v>42647</v>
      </c>
      <c r="C83" s="1" t="s">
        <v>706</v>
      </c>
    </row>
    <row r="84" spans="1:3" ht="30" x14ac:dyDescent="0.25">
      <c r="A84" s="1" t="s">
        <v>707</v>
      </c>
      <c r="B84" s="2">
        <v>42647</v>
      </c>
      <c r="C84" s="1" t="s">
        <v>708</v>
      </c>
    </row>
    <row r="85" spans="1:3" ht="30" x14ac:dyDescent="0.25">
      <c r="A85" s="1" t="s">
        <v>709</v>
      </c>
      <c r="B85" s="2">
        <v>42647</v>
      </c>
      <c r="C85" s="1" t="s">
        <v>710</v>
      </c>
    </row>
    <row r="86" spans="1:3" ht="30" x14ac:dyDescent="0.25">
      <c r="A86" s="1" t="s">
        <v>711</v>
      </c>
      <c r="B86" s="2">
        <v>42647</v>
      </c>
      <c r="C86" s="1" t="s">
        <v>712</v>
      </c>
    </row>
    <row r="87" spans="1:3" ht="30" x14ac:dyDescent="0.25">
      <c r="A87" s="1" t="s">
        <v>713</v>
      </c>
      <c r="B87" s="2">
        <v>42648</v>
      </c>
      <c r="C87" s="1" t="s">
        <v>714</v>
      </c>
    </row>
    <row r="88" spans="1:3" ht="30" x14ac:dyDescent="0.25">
      <c r="A88" s="1" t="s">
        <v>715</v>
      </c>
      <c r="B88" s="2">
        <v>42648</v>
      </c>
      <c r="C88" s="1" t="s">
        <v>716</v>
      </c>
    </row>
    <row r="89" spans="1:3" ht="30" x14ac:dyDescent="0.25">
      <c r="A89" s="1" t="s">
        <v>717</v>
      </c>
      <c r="B89" s="2">
        <v>42648</v>
      </c>
      <c r="C89" s="1" t="s">
        <v>718</v>
      </c>
    </row>
    <row r="90" spans="1:3" x14ac:dyDescent="0.25">
      <c r="A90" s="1" t="s">
        <v>719</v>
      </c>
      <c r="B90" s="2">
        <v>42648</v>
      </c>
      <c r="C90" s="1" t="s">
        <v>720</v>
      </c>
    </row>
    <row r="91" spans="1:3" x14ac:dyDescent="0.25">
      <c r="A91" s="1" t="s">
        <v>721</v>
      </c>
      <c r="B91" s="2">
        <v>42648</v>
      </c>
      <c r="C91" s="1" t="s">
        <v>722</v>
      </c>
    </row>
    <row r="92" spans="1:3" x14ac:dyDescent="0.25">
      <c r="A92" s="1" t="s">
        <v>723</v>
      </c>
      <c r="B92" s="2">
        <v>42649</v>
      </c>
      <c r="C92" s="1" t="s">
        <v>724</v>
      </c>
    </row>
    <row r="93" spans="1:3" ht="30" x14ac:dyDescent="0.25">
      <c r="A93" s="1" t="s">
        <v>725</v>
      </c>
      <c r="B93" s="2">
        <v>42649</v>
      </c>
      <c r="C93" s="1" t="s">
        <v>726</v>
      </c>
    </row>
    <row r="94" spans="1:3" ht="30" x14ac:dyDescent="0.25">
      <c r="A94" s="1" t="s">
        <v>727</v>
      </c>
      <c r="B94" s="2">
        <v>42649</v>
      </c>
      <c r="C94" s="1" t="s">
        <v>728</v>
      </c>
    </row>
    <row r="95" spans="1:3" x14ac:dyDescent="0.25">
      <c r="A95" s="1" t="s">
        <v>729</v>
      </c>
      <c r="B95" s="2">
        <v>42649</v>
      </c>
      <c r="C95" s="1" t="s">
        <v>730</v>
      </c>
    </row>
    <row r="96" spans="1:3" x14ac:dyDescent="0.25">
      <c r="A96" s="1" t="s">
        <v>731</v>
      </c>
      <c r="B96" s="2">
        <v>42650</v>
      </c>
      <c r="C96" s="1" t="s">
        <v>732</v>
      </c>
    </row>
    <row r="97" spans="1:3" x14ac:dyDescent="0.25">
      <c r="A97" s="1" t="s">
        <v>733</v>
      </c>
      <c r="B97" s="2">
        <v>42650</v>
      </c>
      <c r="C97" s="1" t="s">
        <v>734</v>
      </c>
    </row>
    <row r="98" spans="1:3" ht="30" x14ac:dyDescent="0.25">
      <c r="A98" s="1" t="s">
        <v>735</v>
      </c>
      <c r="B98" s="2">
        <v>42651</v>
      </c>
      <c r="C98" s="1" t="s">
        <v>736</v>
      </c>
    </row>
    <row r="99" spans="1:3" ht="30" x14ac:dyDescent="0.25">
      <c r="A99" s="1" t="s">
        <v>737</v>
      </c>
      <c r="B99" s="2">
        <v>42652</v>
      </c>
      <c r="C99" s="1" t="s">
        <v>738</v>
      </c>
    </row>
    <row r="100" spans="1:3" x14ac:dyDescent="0.25">
      <c r="A100" s="1" t="s">
        <v>739</v>
      </c>
      <c r="B100" s="2">
        <v>42653</v>
      </c>
      <c r="C100" s="1" t="s">
        <v>740</v>
      </c>
    </row>
    <row r="101" spans="1:3" ht="30" x14ac:dyDescent="0.25">
      <c r="A101" s="1" t="s">
        <v>741</v>
      </c>
      <c r="B101" s="2">
        <v>42653</v>
      </c>
      <c r="C101" s="1" t="s">
        <v>742</v>
      </c>
    </row>
    <row r="102" spans="1:3" x14ac:dyDescent="0.25">
      <c r="A102" s="1" t="s">
        <v>743</v>
      </c>
      <c r="B102" s="2">
        <v>42653</v>
      </c>
      <c r="C102" s="1" t="s">
        <v>744</v>
      </c>
    </row>
    <row r="103" spans="1:3" ht="30" x14ac:dyDescent="0.25">
      <c r="A103" s="1" t="s">
        <v>745</v>
      </c>
      <c r="B103" s="2">
        <v>42654</v>
      </c>
      <c r="C103" s="1" t="s">
        <v>746</v>
      </c>
    </row>
    <row r="104" spans="1:3" ht="30" x14ac:dyDescent="0.25">
      <c r="A104" s="1" t="s">
        <v>747</v>
      </c>
      <c r="B104" s="2">
        <v>42655</v>
      </c>
      <c r="C104" s="1" t="s">
        <v>748</v>
      </c>
    </row>
    <row r="105" spans="1:3" ht="30" x14ac:dyDescent="0.25">
      <c r="A105" s="1" t="s">
        <v>749</v>
      </c>
      <c r="B105" s="2">
        <v>42656</v>
      </c>
      <c r="C105" s="1" t="s">
        <v>750</v>
      </c>
    </row>
    <row r="106" spans="1:3" x14ac:dyDescent="0.25">
      <c r="A106" s="1" t="s">
        <v>751</v>
      </c>
      <c r="B106" s="2">
        <v>42656</v>
      </c>
      <c r="C106" s="1" t="s">
        <v>752</v>
      </c>
    </row>
    <row r="107" spans="1:3" ht="30" x14ac:dyDescent="0.25">
      <c r="A107" s="1" t="s">
        <v>753</v>
      </c>
      <c r="B107" s="2">
        <v>42656</v>
      </c>
      <c r="C107" s="1" t="s">
        <v>754</v>
      </c>
    </row>
    <row r="108" spans="1:3" ht="30" x14ac:dyDescent="0.25">
      <c r="A108" s="1" t="s">
        <v>755</v>
      </c>
      <c r="B108" s="2">
        <v>42656</v>
      </c>
      <c r="C108" s="1" t="s">
        <v>756</v>
      </c>
    </row>
    <row r="109" spans="1:3" x14ac:dyDescent="0.25">
      <c r="A109" s="1" t="s">
        <v>757</v>
      </c>
      <c r="B109" s="2">
        <v>42656</v>
      </c>
      <c r="C109" s="1" t="s">
        <v>758</v>
      </c>
    </row>
    <row r="110" spans="1:3" ht="30" x14ac:dyDescent="0.25">
      <c r="A110" s="1" t="s">
        <v>759</v>
      </c>
      <c r="B110" s="2">
        <v>42657</v>
      </c>
      <c r="C110" s="1" t="s">
        <v>760</v>
      </c>
    </row>
    <row r="111" spans="1:3" x14ac:dyDescent="0.25">
      <c r="A111" s="1" t="s">
        <v>761</v>
      </c>
      <c r="B111" s="2">
        <v>42657</v>
      </c>
      <c r="C111" s="1" t="s">
        <v>762</v>
      </c>
    </row>
    <row r="112" spans="1:3" ht="30" x14ac:dyDescent="0.25">
      <c r="A112" s="1" t="s">
        <v>763</v>
      </c>
      <c r="B112" s="2">
        <v>42657</v>
      </c>
      <c r="C112" s="1" t="s">
        <v>764</v>
      </c>
    </row>
    <row r="113" spans="1:3" ht="30" x14ac:dyDescent="0.25">
      <c r="A113" s="1" t="s">
        <v>765</v>
      </c>
      <c r="B113" s="2">
        <v>42658</v>
      </c>
      <c r="C113" s="1" t="s">
        <v>766</v>
      </c>
    </row>
    <row r="114" spans="1:3" x14ac:dyDescent="0.25">
      <c r="A114" s="1" t="s">
        <v>767</v>
      </c>
      <c r="B114" s="2">
        <v>42658</v>
      </c>
      <c r="C114" s="1" t="s">
        <v>768</v>
      </c>
    </row>
    <row r="115" spans="1:3" ht="30" x14ac:dyDescent="0.25">
      <c r="A115" s="1" t="s">
        <v>769</v>
      </c>
      <c r="B115" s="2">
        <v>42658</v>
      </c>
      <c r="C115" s="1" t="s">
        <v>770</v>
      </c>
    </row>
    <row r="116" spans="1:3" ht="30" x14ac:dyDescent="0.25">
      <c r="A116" s="1" t="s">
        <v>771</v>
      </c>
      <c r="B116" s="2">
        <v>42658</v>
      </c>
    </row>
  </sheetData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5</vt:i4>
      </vt:variant>
    </vt:vector>
  </HeadingPairs>
  <TitlesOfParts>
    <vt:vector size="5" baseType="lpstr">
      <vt:lpstr>makkah</vt:lpstr>
      <vt:lpstr>AJE</vt:lpstr>
      <vt:lpstr>gulfnews UAE</vt:lpstr>
      <vt:lpstr>shabiba OM</vt:lpstr>
      <vt:lpstr>alwasat bh</vt:lpstr>
    </vt:vector>
  </TitlesOfParts>
  <Company>Bournemouth University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ussain Aldossari</dc:creator>
  <cp:lastModifiedBy>Hussain Aldossari</cp:lastModifiedBy>
  <dcterms:created xsi:type="dcterms:W3CDTF">2017-03-16T16:05:53Z</dcterms:created>
  <dcterms:modified xsi:type="dcterms:W3CDTF">2017-03-28T15:53:18Z</dcterms:modified>
</cp:coreProperties>
</file>